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C:\Users\s004620\Desktop\R8.4～更新案内\最終\"/>
    </mc:Choice>
  </mc:AlternateContent>
  <xr:revisionPtr revIDLastSave="0" documentId="13_ncr:1_{B712968B-BD04-4E75-8386-D8F36D4B7562}" xr6:coauthVersionLast="47" xr6:coauthVersionMax="47" xr10:uidLastSave="{00000000-0000-0000-0000-000000000000}"/>
  <bookViews>
    <workbookView xWindow="-110" yWindow="-110" windowWidth="19420" windowHeight="11500" activeTab="1" xr2:uid="{00000000-000D-0000-FFFF-FFFF00000000}"/>
  </bookViews>
  <sheets>
    <sheet name="表" sheetId="1" r:id="rId1"/>
    <sheet name="裏" sheetId="2" r:id="rId2"/>
  </sheets>
  <definedNames>
    <definedName name="_xlnm.Print_Area" localSheetId="0">表!$A$1:$J$2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0" uniqueCount="63">
  <si>
    <t>時間／月</t>
  </si>
  <si>
    <t>介護給付費</t>
    <rPh sb="0" eb="2">
      <t>カイゴ</t>
    </rPh>
    <rPh sb="2" eb="5">
      <t>キュウフヒ</t>
    </rPh>
    <phoneticPr fontId="1"/>
  </si>
  <si>
    <t>日／月</t>
    <phoneticPr fontId="1"/>
  </si>
  <si>
    <t>日／月</t>
    <rPh sb="0" eb="1">
      <t>ニチ</t>
    </rPh>
    <phoneticPr fontId="1"/>
  </si>
  <si>
    <t>◎生活の希望や目標、自己実現に向けて取り組みたいこと、現在の生活全般の解決すべき課題など</t>
    <rPh sb="1" eb="3">
      <t>セイカツ</t>
    </rPh>
    <rPh sb="4" eb="6">
      <t>キボウ</t>
    </rPh>
    <rPh sb="7" eb="9">
      <t>モクヒョウ</t>
    </rPh>
    <rPh sb="10" eb="12">
      <t>ジコ</t>
    </rPh>
    <rPh sb="12" eb="14">
      <t>ジツゲン</t>
    </rPh>
    <rPh sb="15" eb="16">
      <t>ム</t>
    </rPh>
    <rPh sb="18" eb="19">
      <t>ト</t>
    </rPh>
    <rPh sb="20" eb="21">
      <t>ク</t>
    </rPh>
    <rPh sb="27" eb="29">
      <t>ゲンザイ</t>
    </rPh>
    <rPh sb="30" eb="32">
      <t>セイカツ</t>
    </rPh>
    <rPh sb="32" eb="34">
      <t>ゼンパン</t>
    </rPh>
    <rPh sb="35" eb="37">
      <t>カイケツ</t>
    </rPh>
    <rPh sb="40" eb="42">
      <t>カダイ</t>
    </rPh>
    <phoneticPr fontId="1"/>
  </si>
  <si>
    <t>計画作成日</t>
    <rPh sb="0" eb="2">
      <t>ケイカク</t>
    </rPh>
    <rPh sb="2" eb="5">
      <t>サクセイビ</t>
    </rPh>
    <phoneticPr fontId="1"/>
  </si>
  <si>
    <t>生年月日</t>
    <rPh sb="0" eb="2">
      <t>セイネン</t>
    </rPh>
    <rPh sb="2" eb="4">
      <t>ガッピ</t>
    </rPh>
    <phoneticPr fontId="1"/>
  </si>
  <si>
    <t>申請者同意欄</t>
    <rPh sb="0" eb="3">
      <t>シンセイシャ</t>
    </rPh>
    <rPh sb="3" eb="5">
      <t>ドウイ</t>
    </rPh>
    <rPh sb="5" eb="6">
      <t>ラン</t>
    </rPh>
    <phoneticPr fontId="1"/>
  </si>
  <si>
    <t>◎利用したい福祉サービス（サービス名に☑）</t>
    <rPh sb="1" eb="3">
      <t>リヨウ</t>
    </rPh>
    <rPh sb="6" eb="8">
      <t>フクシ</t>
    </rPh>
    <rPh sb="17" eb="18">
      <t>メイ</t>
    </rPh>
    <phoneticPr fontId="1"/>
  </si>
  <si>
    <t>希望する時間数等</t>
    <rPh sb="0" eb="2">
      <t>キボウ</t>
    </rPh>
    <rPh sb="4" eb="7">
      <t>ジカンスウ</t>
    </rPh>
    <rPh sb="7" eb="8">
      <t>ナド</t>
    </rPh>
    <phoneticPr fontId="1"/>
  </si>
  <si>
    <t>希望する事業所</t>
    <rPh sb="0" eb="2">
      <t>キボウ</t>
    </rPh>
    <rPh sb="4" eb="7">
      <t>ジギョウショ</t>
    </rPh>
    <phoneticPr fontId="1"/>
  </si>
  <si>
    <t>電話番号</t>
    <rPh sb="0" eb="2">
      <t>デンワ</t>
    </rPh>
    <rPh sb="2" eb="4">
      <t>バンゴウ</t>
    </rPh>
    <phoneticPr fontId="1"/>
  </si>
  <si>
    <t>保護者氏名</t>
    <rPh sb="0" eb="3">
      <t>ホゴシャ</t>
    </rPh>
    <rPh sb="3" eb="5">
      <t>シメイ</t>
    </rPh>
    <phoneticPr fontId="1"/>
  </si>
  <si>
    <t>ふりがな</t>
    <phoneticPr fontId="1"/>
  </si>
  <si>
    <t>受給者番号</t>
    <rPh sb="0" eb="3">
      <t>ジュキュウシャ</t>
    </rPh>
    <rPh sb="3" eb="5">
      <t>バンゴウ</t>
    </rPh>
    <phoneticPr fontId="1"/>
  </si>
  <si>
    <t>私は，支給決定において勘案される「利用計画」について，相談支援事業所に「障がい児支援利用計画案」の作成を依頼するのではなく，自分の意思において「セルフプラン」を提出します。また，セルフプラン提出に関しては，自らサービス調整を図ることや，相談支援事業所のモニタリングが実施されないことなど，制度の内容を理解しています。（同意される場合，右欄の□へ✔を記入してください。）</t>
    <phoneticPr fontId="1"/>
  </si>
  <si>
    <t>セルフプラン作成補助者</t>
    <rPh sb="6" eb="8">
      <t>サクセイ</t>
    </rPh>
    <rPh sb="8" eb="11">
      <t>ホジョシャ</t>
    </rPh>
    <phoneticPr fontId="1"/>
  </si>
  <si>
    <t>その他
（事業所等）</t>
    <rPh sb="2" eb="3">
      <t>ホカ</t>
    </rPh>
    <rPh sb="5" eb="8">
      <t>ジギョウショ</t>
    </rPh>
    <rPh sb="8" eb="9">
      <t>トウ</t>
    </rPh>
    <phoneticPr fontId="1"/>
  </si>
  <si>
    <t>課題解決の達成時期</t>
    <rPh sb="0" eb="2">
      <t>カダイ</t>
    </rPh>
    <rPh sb="2" eb="4">
      <t>カイケツ</t>
    </rPh>
    <rPh sb="5" eb="7">
      <t>タッセイ</t>
    </rPh>
    <rPh sb="7" eb="9">
      <t>ジキ</t>
    </rPh>
    <phoneticPr fontId="1"/>
  </si>
  <si>
    <t>【児童用】セルフプラン（障害児支援利用計画）</t>
    <rPh sb="1" eb="4">
      <t>ジドウヨウ</t>
    </rPh>
    <rPh sb="12" eb="14">
      <t>ショウガイ</t>
    </rPh>
    <rPh sb="14" eb="15">
      <t>ジ</t>
    </rPh>
    <rPh sb="15" eb="17">
      <t>シエン</t>
    </rPh>
    <rPh sb="17" eb="19">
      <t>リヨウ</t>
    </rPh>
    <rPh sb="19" eb="21">
      <t>ケイカク</t>
    </rPh>
    <phoneticPr fontId="1"/>
  </si>
  <si>
    <t xml:space="preserve">
年　　　月　　　日
～　　　　　　年　　　月　　　日</t>
    <rPh sb="1" eb="2">
      <t>ネン</t>
    </rPh>
    <rPh sb="5" eb="6">
      <t>ガツ</t>
    </rPh>
    <rPh sb="9" eb="10">
      <t>ニチ</t>
    </rPh>
    <rPh sb="19" eb="20">
      <t>ネン</t>
    </rPh>
    <rPh sb="23" eb="24">
      <t>ガツ</t>
    </rPh>
    <rPh sb="27" eb="28">
      <t>ニチ</t>
    </rPh>
    <phoneticPr fontId="1"/>
  </si>
  <si>
    <t xml:space="preserve">
年　　　月　　　日
～　　　　　　年　　　月　　　日</t>
    <phoneticPr fontId="1"/>
  </si>
  <si>
    <t>年　　　月　　　日
～　　　　　　年　　　月　　　日</t>
    <phoneticPr fontId="1"/>
  </si>
  <si>
    <t>◎ 週 間 計 画 表</t>
    <rPh sb="2" eb="3">
      <t>しゅう</t>
    </rPh>
    <rPh sb="4" eb="5">
      <t>かん</t>
    </rPh>
    <rPh sb="6" eb="7">
      <t>けい</t>
    </rPh>
    <rPh sb="8" eb="9">
      <t>かく</t>
    </rPh>
    <rPh sb="10" eb="11">
      <t>ひょう</t>
    </rPh>
    <phoneticPr fontId="8" type="Hiragana" alignment="center"/>
  </si>
  <si>
    <t>月</t>
    <rPh sb="0" eb="1">
      <t>げつ</t>
    </rPh>
    <phoneticPr fontId="8" type="Hiragana" alignment="center"/>
  </si>
  <si>
    <t>火</t>
    <rPh sb="0" eb="1">
      <t>か</t>
    </rPh>
    <phoneticPr fontId="8" type="Hiragana" alignment="center"/>
  </si>
  <si>
    <t>水</t>
    <rPh sb="0" eb="1">
      <t>すい</t>
    </rPh>
    <phoneticPr fontId="8" type="Hiragana" alignment="center"/>
  </si>
  <si>
    <t>木</t>
    <rPh sb="0" eb="1">
      <t>もく</t>
    </rPh>
    <phoneticPr fontId="8" type="Hiragana" alignment="center"/>
  </si>
  <si>
    <t>金</t>
    <rPh sb="0" eb="1">
      <t>きん</t>
    </rPh>
    <phoneticPr fontId="8" type="Hiragana" alignment="center"/>
  </si>
  <si>
    <t>土</t>
    <rPh sb="0" eb="1">
      <t>ど</t>
    </rPh>
    <phoneticPr fontId="8" type="Hiragana" alignment="center"/>
  </si>
  <si>
    <t>日</t>
    <rPh sb="0" eb="1">
      <t>にち</t>
    </rPh>
    <phoneticPr fontId="8" type="Hiragana" alignment="center"/>
  </si>
  <si>
    <t>週単位以外のサービス</t>
    <rPh sb="0" eb="1">
      <t>しゅう</t>
    </rPh>
    <rPh sb="1" eb="3">
      <t>たんい</t>
    </rPh>
    <rPh sb="3" eb="5">
      <t>いがい</t>
    </rPh>
    <phoneticPr fontId="10" type="Hiragana" alignment="distributed"/>
  </si>
  <si>
    <t>　①計画表には、障害福祉サービスのみでなく、保健医療サービスやその他の福祉サービスも利用している場合は、それも書いてください。
　②計画表には、支援を受けている時間だけでなく、自分で過ごす時間　（活動内容）もできる限り書いてください。</t>
    <rPh sb="2" eb="5">
      <t>けいかくひょう</t>
    </rPh>
    <rPh sb="8" eb="10">
      <t>しょうがい</t>
    </rPh>
    <rPh sb="10" eb="12">
      <t>ふくし</t>
    </rPh>
    <rPh sb="22" eb="24">
      <t>ほけん</t>
    </rPh>
    <rPh sb="24" eb="26">
      <t>いりょう</t>
    </rPh>
    <rPh sb="33" eb="34">
      <t>た</t>
    </rPh>
    <rPh sb="35" eb="37">
      <t>ふくし</t>
    </rPh>
    <rPh sb="42" eb="44">
      <t>りよう</t>
    </rPh>
    <rPh sb="48" eb="50">
      <t>ばあい</t>
    </rPh>
    <rPh sb="55" eb="56">
      <t>か</t>
    </rPh>
    <rPh sb="66" eb="69">
      <t>けいかくひょう</t>
    </rPh>
    <rPh sb="72" eb="74">
      <t>しえん</t>
    </rPh>
    <rPh sb="75" eb="76">
      <t>う</t>
    </rPh>
    <rPh sb="80" eb="82">
      <t>じかん</t>
    </rPh>
    <rPh sb="88" eb="90">
      <t>じぶん</t>
    </rPh>
    <rPh sb="91" eb="92">
      <t>す</t>
    </rPh>
    <rPh sb="94" eb="96">
      <t>じかん</t>
    </rPh>
    <rPh sb="98" eb="100">
      <t>かつどう</t>
    </rPh>
    <rPh sb="100" eb="102">
      <t>ないよう</t>
    </rPh>
    <rPh sb="107" eb="108">
      <t>かぎ</t>
    </rPh>
    <rPh sb="109" eb="110">
      <t>か</t>
    </rPh>
    <phoneticPr fontId="9" type="Hiragana"/>
  </si>
  <si>
    <t>【児童用】セルフプラン（障害児支援利用計画）</t>
    <phoneticPr fontId="8" type="Hiragana" alignment="center"/>
  </si>
  <si>
    <t>続柄（　　　　）</t>
    <phoneticPr fontId="1"/>
  </si>
  <si>
    <r>
      <rPr>
        <sz val="11"/>
        <color theme="1"/>
        <rFont val="BIZ UDPゴシック"/>
        <family val="3"/>
        <charset val="128"/>
      </rPr>
      <t>□　</t>
    </r>
    <r>
      <rPr>
        <sz val="9"/>
        <color theme="1"/>
        <rFont val="BIZ UDPゴシック"/>
        <family val="3"/>
        <charset val="128"/>
      </rPr>
      <t>その他（　　　　　　　　　　　　　　　　　　　　　）</t>
    </r>
    <rPh sb="4" eb="5">
      <t>ホカ</t>
    </rPh>
    <phoneticPr fontId="1"/>
  </si>
  <si>
    <t>□新規　　　□更新　　□変更</t>
    <rPh sb="1" eb="3">
      <t>シンキ</t>
    </rPh>
    <rPh sb="7" eb="9">
      <t>コウシン</t>
    </rPh>
    <rPh sb="12" eb="14">
      <t>ヘンコウ</t>
    </rPh>
    <phoneticPr fontId="1"/>
  </si>
  <si>
    <t>目標（該当項目に☑）</t>
    <rPh sb="0" eb="2">
      <t>モクヒョウ</t>
    </rPh>
    <rPh sb="3" eb="5">
      <t>ガイトウ</t>
    </rPh>
    <rPh sb="5" eb="7">
      <t>コウモク</t>
    </rPh>
    <phoneticPr fontId="1"/>
  </si>
  <si>
    <r>
      <t>□１ヵ月後      □１年後
□３ヵ月後　　</t>
    </r>
    <r>
      <rPr>
        <sz val="6"/>
        <color theme="1"/>
        <rFont val="BIZ UDPゴシック"/>
        <family val="3"/>
        <charset val="128"/>
      </rPr>
      <t xml:space="preserve">  </t>
    </r>
    <r>
      <rPr>
        <sz val="9"/>
        <color theme="1"/>
        <rFont val="BIZ UDPゴシック"/>
        <family val="3"/>
        <charset val="128"/>
      </rPr>
      <t>□３年後
□６か月後
□その他（　　　　　　　　　　　）</t>
    </r>
    <rPh sb="3" eb="4">
      <t>ゲツ</t>
    </rPh>
    <rPh sb="4" eb="5">
      <t>ゴ</t>
    </rPh>
    <rPh sb="13" eb="15">
      <t>ネンゴ</t>
    </rPh>
    <rPh sb="19" eb="20">
      <t>ゲツ</t>
    </rPh>
    <rPh sb="20" eb="21">
      <t>ゴ</t>
    </rPh>
    <rPh sb="27" eb="29">
      <t>ネンゴ</t>
    </rPh>
    <rPh sb="33" eb="34">
      <t>ゲツ</t>
    </rPh>
    <rPh sb="34" eb="35">
      <t>ゴ</t>
    </rPh>
    <rPh sb="39" eb="40">
      <t>ホカ</t>
    </rPh>
    <phoneticPr fontId="1"/>
  </si>
  <si>
    <t>障害児
通所給付費</t>
    <rPh sb="0" eb="2">
      <t>ショウガイ</t>
    </rPh>
    <rPh sb="2" eb="3">
      <t>ジ</t>
    </rPh>
    <rPh sb="4" eb="6">
      <t>ツウショ</t>
    </rPh>
    <rPh sb="6" eb="9">
      <t>キュウフヒ</t>
    </rPh>
    <phoneticPr fontId="1"/>
  </si>
  <si>
    <r>
      <rPr>
        <sz val="12"/>
        <color theme="1"/>
        <rFont val="BIZ UDPゴシック"/>
        <family val="3"/>
        <charset val="128"/>
      </rPr>
      <t>制度の内容を理解し，セルフプランを提出します。</t>
    </r>
    <r>
      <rPr>
        <sz val="9"/>
        <color theme="1"/>
        <rFont val="BIZ UDPゴシック"/>
        <family val="3"/>
        <charset val="128"/>
      </rPr>
      <t xml:space="preserve">
</t>
    </r>
    <r>
      <rPr>
        <sz val="16"/>
        <color theme="1"/>
        <rFont val="BIZ UDPゴシック"/>
        <family val="3"/>
        <charset val="128"/>
      </rPr>
      <t>□</t>
    </r>
    <r>
      <rPr>
        <sz val="12"/>
        <color theme="1"/>
        <rFont val="BIZ UDPゴシック"/>
        <family val="3"/>
        <charset val="128"/>
      </rPr>
      <t>（←✔を記入してください。）</t>
    </r>
    <phoneticPr fontId="1"/>
  </si>
  <si>
    <t>課題</t>
    <phoneticPr fontId="1"/>
  </si>
  <si>
    <t>希望と
する生活
目標など</t>
    <phoneticPr fontId="1"/>
  </si>
  <si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コミュニケーション能力を身につけた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集団生活に馴染みた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社会性を身につけた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放課後や休日に、家族以外と交流した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保育所等（小・中・高・児童くらぶ等）に訪問して
　 　もらい、アドバイスを受けた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>　その他</t>
    </r>
    <rPh sb="75" eb="76">
      <t>ショウ</t>
    </rPh>
    <rPh sb="77" eb="78">
      <t>チュウ</t>
    </rPh>
    <rPh sb="81" eb="83">
      <t>ジドウ</t>
    </rPh>
    <rPh sb="86" eb="87">
      <t>トウ</t>
    </rPh>
    <phoneticPr fontId="1"/>
  </si>
  <si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必要な時にサポートがあるところで泊まりた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着替え、入浴、排せつ等、身の回りのことを保護者
   　と一緒に手伝ってもらいた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病院等に保護者と一緒に付き添ってもらいた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サポートを受けて外出した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視覚障害のため外出時等の支援をしてほし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>　その他</t>
    </r>
    <rPh sb="110" eb="112">
      <t>シカク</t>
    </rPh>
    <rPh sb="112" eb="114">
      <t>ショウガイ</t>
    </rPh>
    <rPh sb="117" eb="119">
      <t>ガイシュツ</t>
    </rPh>
    <rPh sb="119" eb="120">
      <t>ジ</t>
    </rPh>
    <rPh sb="120" eb="121">
      <t>トウ</t>
    </rPh>
    <rPh sb="122" eb="124">
      <t>シエン</t>
    </rPh>
    <phoneticPr fontId="1"/>
  </si>
  <si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サポートを受けて外出した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 xml:space="preserve">　必要な時にサポートがあるところで日中過ごしたい
</t>
    </r>
    <r>
      <rPr>
        <sz val="10"/>
        <color theme="1"/>
        <rFont val="BIZ UDPゴシック"/>
        <family val="3"/>
        <charset val="128"/>
      </rPr>
      <t>□</t>
    </r>
    <r>
      <rPr>
        <sz val="9"/>
        <color theme="1"/>
        <rFont val="BIZ UDPゴシック"/>
        <family val="3"/>
        <charset val="128"/>
      </rPr>
      <t>　その他</t>
    </r>
    <phoneticPr fontId="1"/>
  </si>
  <si>
    <t>□　運動発達の遅れや全身を使った適応運動が苦手
□　コミュニケーションが苦手
□　落ち着きがない
□　食事の時にこぼしてしまう
□　その他</t>
    <rPh sb="68" eb="69">
      <t>ホカ</t>
    </rPh>
    <phoneticPr fontId="1"/>
  </si>
  <si>
    <t>□　毎日学校・園に通い、友達と充実した日々をおくってほしい
□　様々な経験を得る事で社会性をもってほしい
□　食事、入浴、排せつ等の身の回りの事ができるようになってほしい
□　冠婚葬祭などの際に一時的に預かってもらいたい（短期入所）
□　その他</t>
    <rPh sb="7" eb="8">
      <t>エン</t>
    </rPh>
    <rPh sb="121" eb="122">
      <t>ホカ</t>
    </rPh>
    <phoneticPr fontId="1"/>
  </si>
  <si>
    <t>地域生活
支援事業</t>
    <phoneticPr fontId="1"/>
  </si>
  <si>
    <t>令和　　　　　　　年　　　　　　月　　　　　　日</t>
    <rPh sb="0" eb="2">
      <t>レイワ</t>
    </rPh>
    <rPh sb="9" eb="10">
      <t>ネン</t>
    </rPh>
    <rPh sb="16" eb="17">
      <t>ガツ</t>
    </rPh>
    <rPh sb="23" eb="24">
      <t>ニチ</t>
    </rPh>
    <phoneticPr fontId="1"/>
  </si>
  <si>
    <t>住所</t>
    <rPh sb="0" eb="2">
      <t>ジュウショ</t>
    </rPh>
    <phoneticPr fontId="1"/>
  </si>
  <si>
    <t>利用者（児童）
氏名</t>
    <rPh sb="0" eb="3">
      <t>リヨウシャ</t>
    </rPh>
    <rPh sb="4" eb="6">
      <t>ジドウ</t>
    </rPh>
    <rPh sb="8" eb="10">
      <t>シメイ</t>
    </rPh>
    <phoneticPr fontId="1"/>
  </si>
  <si>
    <t>　　　平成　　・　　令和　　　　　　　 年 　　 月 　　 日　生まれ（ 　　　　　　 歳）</t>
    <rPh sb="10" eb="12">
      <t>レイワ</t>
    </rPh>
    <phoneticPr fontId="1"/>
  </si>
  <si>
    <t>希望する期間・留意事項</t>
    <rPh sb="0" eb="2">
      <t>キボウ</t>
    </rPh>
    <rPh sb="4" eb="6">
      <t>キカン</t>
    </rPh>
    <rPh sb="7" eb="9">
      <t>リュウイ</t>
    </rPh>
    <rPh sb="9" eb="11">
      <t>ジコウ</t>
    </rPh>
    <phoneticPr fontId="1"/>
  </si>
  <si>
    <r>
      <rPr>
        <sz val="11"/>
        <color theme="1"/>
        <rFont val="BIZ UDPゴシック"/>
        <family val="3"/>
        <charset val="128"/>
      </rPr>
      <t>□　</t>
    </r>
    <r>
      <rPr>
        <sz val="9"/>
        <color theme="1"/>
        <rFont val="BIZ UDPゴシック"/>
        <family val="3"/>
        <charset val="128"/>
      </rPr>
      <t>児童発達支援
　　　</t>
    </r>
    <r>
      <rPr>
        <sz val="8"/>
        <color theme="1"/>
        <rFont val="BIZ UDPゴシック"/>
        <family val="3"/>
        <charset val="128"/>
      </rPr>
      <t>※原則、未就学児　（標準支給量：１４日）</t>
    </r>
    <rPh sb="2" eb="4">
      <t>ジドウ</t>
    </rPh>
    <rPh sb="4" eb="6">
      <t>ハッタツ</t>
    </rPh>
    <rPh sb="6" eb="8">
      <t>シエン</t>
    </rPh>
    <rPh sb="22" eb="24">
      <t>ヒョウジュン</t>
    </rPh>
    <phoneticPr fontId="1"/>
  </si>
  <si>
    <r>
      <rPr>
        <sz val="11"/>
        <color theme="1"/>
        <rFont val="BIZ UDPゴシック"/>
        <family val="3"/>
        <charset val="128"/>
      </rPr>
      <t>□　</t>
    </r>
    <r>
      <rPr>
        <sz val="9"/>
        <color theme="1"/>
        <rFont val="BIZ UDPゴシック"/>
        <family val="3"/>
        <charset val="128"/>
      </rPr>
      <t>放課後等デイサービス　　
　</t>
    </r>
    <r>
      <rPr>
        <sz val="8"/>
        <color theme="1"/>
        <rFont val="BIZ UDPゴシック"/>
        <family val="3"/>
        <charset val="128"/>
      </rPr>
      <t>　　（標準支給量：１４日）　　　　　</t>
    </r>
    <r>
      <rPr>
        <sz val="9"/>
        <color theme="1"/>
        <rFont val="BIZ UDPゴシック"/>
        <family val="3"/>
        <charset val="128"/>
      </rPr>
      <t>　　　　　 　　　　　 　</t>
    </r>
    <phoneticPr fontId="1"/>
  </si>
  <si>
    <r>
      <rPr>
        <sz val="11"/>
        <color theme="1"/>
        <rFont val="BIZ UDPゴシック"/>
        <family val="3"/>
        <charset val="128"/>
      </rPr>
      <t>□　</t>
    </r>
    <r>
      <rPr>
        <sz val="9"/>
        <color theme="1"/>
        <rFont val="BIZ UDPゴシック"/>
        <family val="3"/>
        <charset val="128"/>
      </rPr>
      <t xml:space="preserve">保育所等訪問支援
</t>
    </r>
    <r>
      <rPr>
        <sz val="8"/>
        <color theme="1"/>
        <rFont val="BIZ UDPゴシック"/>
        <family val="3"/>
        <charset val="128"/>
      </rPr>
      <t>　　　（標準支給量：２日）</t>
    </r>
    <rPh sb="17" eb="20">
      <t>シキュウリョウ</t>
    </rPh>
    <rPh sb="22" eb="23">
      <t>ニチ</t>
    </rPh>
    <phoneticPr fontId="1"/>
  </si>
  <si>
    <r>
      <rPr>
        <sz val="11"/>
        <color theme="1"/>
        <rFont val="BIZ UDPゴシック"/>
        <family val="3"/>
        <charset val="128"/>
      </rPr>
      <t>□　</t>
    </r>
    <r>
      <rPr>
        <sz val="9"/>
        <color theme="1"/>
        <rFont val="BIZ UDPゴシック"/>
        <family val="3"/>
        <charset val="128"/>
      </rPr>
      <t>短期入所(ショートステイ)　　　
　　　</t>
    </r>
    <r>
      <rPr>
        <sz val="8"/>
        <color theme="1"/>
        <rFont val="BIZ UDPゴシック"/>
        <family val="3"/>
        <charset val="128"/>
      </rPr>
      <t>（標準支給量：７日）</t>
    </r>
    <rPh sb="25" eb="28">
      <t>シキュウリョウ</t>
    </rPh>
    <rPh sb="30" eb="31">
      <t>ニチ</t>
    </rPh>
    <phoneticPr fontId="1"/>
  </si>
  <si>
    <r>
      <rPr>
        <sz val="11"/>
        <color theme="1"/>
        <rFont val="BIZ UDPゴシック"/>
        <family val="3"/>
        <charset val="128"/>
      </rPr>
      <t>□　</t>
    </r>
    <r>
      <rPr>
        <sz val="9"/>
        <color theme="1"/>
        <rFont val="BIZ UDPゴシック"/>
        <family val="3"/>
        <charset val="128"/>
      </rPr>
      <t>居宅介護（身体介護）
　</t>
    </r>
    <r>
      <rPr>
        <sz val="8"/>
        <color theme="1"/>
        <rFont val="BIZ UDPゴシック"/>
        <family val="3"/>
        <charset val="128"/>
      </rPr>
      <t>　　（標準支給量：２５ｈ）</t>
    </r>
    <phoneticPr fontId="1"/>
  </si>
  <si>
    <r>
      <rPr>
        <sz val="11"/>
        <color theme="1"/>
        <rFont val="BIZ UDPゴシック"/>
        <family val="3"/>
        <charset val="128"/>
      </rPr>
      <t>□　</t>
    </r>
    <r>
      <rPr>
        <sz val="9"/>
        <color theme="1"/>
        <rFont val="BIZ UDPゴシック"/>
        <family val="3"/>
        <charset val="128"/>
      </rPr>
      <t>行動援護
　</t>
    </r>
    <r>
      <rPr>
        <sz val="8"/>
        <color theme="1"/>
        <rFont val="BIZ UDPゴシック"/>
        <family val="3"/>
        <charset val="128"/>
      </rPr>
      <t>　　（標準支給量：３０ｈ）</t>
    </r>
    <rPh sb="13" eb="16">
      <t>シキュウリョウ</t>
    </rPh>
    <phoneticPr fontId="1"/>
  </si>
  <si>
    <r>
      <rPr>
        <sz val="11"/>
        <color theme="1"/>
        <rFont val="BIZ UDPゴシック"/>
        <family val="3"/>
        <charset val="128"/>
      </rPr>
      <t>□　</t>
    </r>
    <r>
      <rPr>
        <sz val="9"/>
        <color theme="1"/>
        <rFont val="BIZ UDPゴシック"/>
        <family val="3"/>
        <charset val="128"/>
      </rPr>
      <t xml:space="preserve">同行援護
</t>
    </r>
    <r>
      <rPr>
        <sz val="8"/>
        <color theme="1"/>
        <rFont val="BIZ UDPゴシック"/>
        <family val="3"/>
        <charset val="128"/>
      </rPr>
      <t>　　　（標準支給量：３０ｈ）</t>
    </r>
    <rPh sb="13" eb="16">
      <t>シキュウリョウ</t>
    </rPh>
    <phoneticPr fontId="1"/>
  </si>
  <si>
    <r>
      <rPr>
        <sz val="11"/>
        <color theme="1"/>
        <rFont val="BIZ UDPゴシック"/>
        <family val="3"/>
        <charset val="128"/>
      </rPr>
      <t>□　</t>
    </r>
    <r>
      <rPr>
        <sz val="9"/>
        <color theme="1"/>
        <rFont val="BIZ UDPゴシック"/>
        <family val="3"/>
        <charset val="128"/>
      </rPr>
      <t>移動支援(ガイドヘルパー)　
　　　（標準支給量２０ｈ）</t>
    </r>
    <rPh sb="23" eb="26">
      <t>シキュウリョウ</t>
    </rPh>
    <phoneticPr fontId="1"/>
  </si>
  <si>
    <r>
      <rPr>
        <sz val="11"/>
        <color theme="1"/>
        <rFont val="BIZ UDPゴシック"/>
        <family val="3"/>
        <charset val="128"/>
      </rPr>
      <t>□　</t>
    </r>
    <r>
      <rPr>
        <sz val="9"/>
        <color theme="1"/>
        <rFont val="BIZ UDPゴシック"/>
        <family val="3"/>
        <charset val="128"/>
      </rPr>
      <t>日中一時支援
　　　（標準支給量：７日）</t>
    </r>
    <rPh sb="15" eb="18">
      <t>シキュウリョウ</t>
    </rPh>
    <rPh sb="20" eb="21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16"/>
      <color theme="1"/>
      <name val="BIZ UDPゴシック"/>
      <family val="3"/>
      <charset val="128"/>
    </font>
    <font>
      <sz val="9"/>
      <color theme="1"/>
      <name val="BIZ UDPゴシック"/>
      <family val="3"/>
      <charset val="128"/>
    </font>
    <font>
      <sz val="8"/>
      <color theme="1"/>
      <name val="BIZ UDPゴシック"/>
      <family val="3"/>
      <charset val="128"/>
    </font>
    <font>
      <sz val="10"/>
      <color theme="1"/>
      <name val="BIZ UDPゴシック"/>
      <family val="3"/>
      <charset val="128"/>
    </font>
    <font>
      <sz val="11"/>
      <color theme="1"/>
      <name val="BIZ UDP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5"/>
      <name val="ＭＳ Ｐゴシック"/>
      <family val="3"/>
      <charset val="128"/>
    </font>
    <font>
      <sz val="18"/>
      <name val="BIZ UDPゴシック"/>
      <family val="3"/>
      <charset val="128"/>
    </font>
    <font>
      <sz val="12"/>
      <name val="BIZ UDPゴシック"/>
      <family val="3"/>
      <charset val="128"/>
    </font>
    <font>
      <sz val="11"/>
      <name val="BIZ UDPゴシック"/>
      <family val="3"/>
      <charset val="128"/>
    </font>
    <font>
      <sz val="9"/>
      <name val="BIZ UDPゴシック"/>
      <family val="3"/>
      <charset val="128"/>
    </font>
    <font>
      <sz val="6"/>
      <color theme="1"/>
      <name val="BIZ UDPゴシック"/>
      <family val="3"/>
      <charset val="128"/>
    </font>
    <font>
      <sz val="12"/>
      <color theme="1"/>
      <name val="BIZ UDPゴシック"/>
      <family val="3"/>
      <charset val="128"/>
    </font>
    <font>
      <strike/>
      <sz val="9"/>
      <color rgb="FFFF0000"/>
      <name val="BIZ UDPゴシック"/>
      <family val="3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7" fillId="0" borderId="0">
      <alignment vertical="center"/>
    </xf>
  </cellStyleXfs>
  <cellXfs count="103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0" xfId="0" applyFont="1" applyAlignment="1">
      <alignment vertical="center" wrapText="1"/>
    </xf>
    <xf numFmtId="0" fontId="3" fillId="0" borderId="1" xfId="0" applyFont="1" applyBorder="1" applyAlignment="1">
      <alignment vertical="center" wrapText="1"/>
    </xf>
    <xf numFmtId="0" fontId="3" fillId="0" borderId="1" xfId="0" applyFont="1" applyBorder="1" applyAlignment="1">
      <alignment horizontal="right" vertical="center"/>
    </xf>
    <xf numFmtId="0" fontId="3" fillId="0" borderId="1" xfId="0" applyFont="1" applyBorder="1" applyAlignment="1">
      <alignment horizontal="left" vertical="center" wrapText="1"/>
    </xf>
    <xf numFmtId="0" fontId="3" fillId="0" borderId="0" xfId="0" applyFont="1" applyBorder="1">
      <alignment vertical="center"/>
    </xf>
    <xf numFmtId="0" fontId="3" fillId="0" borderId="15" xfId="0" applyFont="1" applyBorder="1" applyAlignment="1">
      <alignment horizontal="center" vertical="center"/>
    </xf>
    <xf numFmtId="0" fontId="3" fillId="0" borderId="1" xfId="0" applyFont="1" applyBorder="1" applyAlignment="1">
      <alignment horizontal="left" vertical="center"/>
    </xf>
    <xf numFmtId="0" fontId="12" fillId="0" borderId="0" xfId="1" applyFont="1">
      <alignment vertical="center"/>
    </xf>
    <xf numFmtId="0" fontId="13" fillId="0" borderId="0" xfId="1" applyFont="1">
      <alignment vertical="center"/>
    </xf>
    <xf numFmtId="20" fontId="13" fillId="0" borderId="0" xfId="1" applyNumberFormat="1" applyFont="1" applyAlignment="1">
      <alignment vertical="center"/>
    </xf>
    <xf numFmtId="0" fontId="13" fillId="0" borderId="0" xfId="1" applyFont="1" applyAlignment="1">
      <alignment vertical="center"/>
    </xf>
    <xf numFmtId="0" fontId="13" fillId="0" borderId="0" xfId="1" applyFont="1" applyBorder="1" applyAlignment="1">
      <alignment vertical="center"/>
    </xf>
    <xf numFmtId="0" fontId="13" fillId="0" borderId="0" xfId="1" applyFont="1" applyAlignment="1">
      <alignment horizontal="center" vertical="center" wrapText="1"/>
    </xf>
    <xf numFmtId="0" fontId="3" fillId="0" borderId="0" xfId="0" applyFont="1" applyAlignment="1">
      <alignment horizontal="left" vertical="center"/>
    </xf>
    <xf numFmtId="0" fontId="6" fillId="0" borderId="0" xfId="0" applyFo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3" fillId="0" borderId="4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/>
    </xf>
    <xf numFmtId="0" fontId="17" fillId="0" borderId="1" xfId="0" applyFont="1" applyBorder="1" applyAlignment="1">
      <alignment horizontal="left" vertical="center" wrapText="1"/>
    </xf>
    <xf numFmtId="0" fontId="3" fillId="0" borderId="22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3" xfId="0" applyFont="1" applyBorder="1" applyAlignment="1">
      <alignment horizontal="left" vertical="top" wrapText="1"/>
    </xf>
    <xf numFmtId="0" fontId="3" fillId="0" borderId="15" xfId="0" applyFont="1" applyBorder="1" applyAlignment="1">
      <alignment horizontal="left" vertical="top"/>
    </xf>
    <xf numFmtId="0" fontId="3" fillId="0" borderId="1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top" wrapText="1"/>
    </xf>
    <xf numFmtId="0" fontId="3" fillId="0" borderId="3" xfId="0" applyFont="1" applyBorder="1" applyAlignment="1">
      <alignment horizontal="center" vertical="top"/>
    </xf>
    <xf numFmtId="0" fontId="3" fillId="0" borderId="4" xfId="0" applyFont="1" applyBorder="1" applyAlignment="1">
      <alignment horizontal="center" vertical="top"/>
    </xf>
    <xf numFmtId="0" fontId="3" fillId="0" borderId="6" xfId="0" applyFont="1" applyBorder="1" applyAlignment="1">
      <alignment horizontal="left" vertical="top" wrapText="1"/>
    </xf>
    <xf numFmtId="0" fontId="3" fillId="0" borderId="5" xfId="0" applyFont="1" applyBorder="1" applyAlignment="1">
      <alignment horizontal="left" vertical="top" wrapText="1"/>
    </xf>
    <xf numFmtId="0" fontId="3" fillId="0" borderId="8" xfId="0" applyFont="1" applyBorder="1" applyAlignment="1">
      <alignment horizontal="left" vertical="top" wrapText="1"/>
    </xf>
    <xf numFmtId="0" fontId="3" fillId="0" borderId="7" xfId="0" applyFont="1" applyBorder="1" applyAlignment="1">
      <alignment horizontal="left" vertical="top" wrapText="1"/>
    </xf>
    <xf numFmtId="0" fontId="3" fillId="0" borderId="0" xfId="0" applyFont="1" applyBorder="1" applyAlignment="1">
      <alignment horizontal="left" vertical="top" wrapText="1"/>
    </xf>
    <xf numFmtId="0" fontId="3" fillId="0" borderId="9" xfId="0" applyFont="1" applyBorder="1" applyAlignment="1">
      <alignment horizontal="left" vertical="top" wrapText="1"/>
    </xf>
    <xf numFmtId="0" fontId="3" fillId="0" borderId="10" xfId="0" applyFont="1" applyBorder="1" applyAlignment="1">
      <alignment horizontal="left" vertical="top" wrapText="1"/>
    </xf>
    <xf numFmtId="0" fontId="3" fillId="0" borderId="11" xfId="0" applyFont="1" applyBorder="1" applyAlignment="1">
      <alignment horizontal="left" vertical="top" wrapText="1"/>
    </xf>
    <xf numFmtId="0" fontId="3" fillId="0" borderId="12" xfId="0" applyFont="1" applyBorder="1" applyAlignment="1">
      <alignment horizontal="left" vertical="top" wrapText="1"/>
    </xf>
    <xf numFmtId="0" fontId="3" fillId="0" borderId="6" xfId="0" applyFont="1" applyBorder="1" applyAlignment="1">
      <alignment horizontal="center" vertical="top" wrapText="1"/>
    </xf>
    <xf numFmtId="0" fontId="3" fillId="0" borderId="8" xfId="0" applyFont="1" applyBorder="1" applyAlignment="1">
      <alignment horizontal="center" vertical="top" wrapText="1"/>
    </xf>
    <xf numFmtId="0" fontId="3" fillId="0" borderId="7" xfId="0" applyFont="1" applyBorder="1" applyAlignment="1">
      <alignment horizontal="center" vertical="top" wrapText="1"/>
    </xf>
    <xf numFmtId="0" fontId="3" fillId="0" borderId="9" xfId="0" applyFont="1" applyBorder="1" applyAlignment="1">
      <alignment horizontal="center" vertical="top" wrapText="1"/>
    </xf>
    <xf numFmtId="0" fontId="3" fillId="0" borderId="10" xfId="0" applyFont="1" applyBorder="1" applyAlignment="1">
      <alignment horizontal="center" vertical="top" wrapText="1"/>
    </xf>
    <xf numFmtId="0" fontId="3" fillId="0" borderId="12" xfId="0" applyFont="1" applyBorder="1" applyAlignment="1">
      <alignment horizontal="center" vertical="top" wrapText="1"/>
    </xf>
    <xf numFmtId="0" fontId="2" fillId="0" borderId="0" xfId="0" applyFont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0" fontId="3" fillId="0" borderId="1" xfId="0" applyFont="1" applyBorder="1" applyAlignment="1">
      <alignment horizontal="left" vertical="center"/>
    </xf>
    <xf numFmtId="0" fontId="3" fillId="0" borderId="14" xfId="0" applyFont="1" applyBorder="1" applyAlignment="1">
      <alignment horizontal="left" vertical="top" wrapText="1"/>
    </xf>
    <xf numFmtId="0" fontId="3" fillId="0" borderId="15" xfId="0" applyFont="1" applyBorder="1" applyAlignment="1">
      <alignment horizontal="left" vertical="top" wrapText="1"/>
    </xf>
    <xf numFmtId="0" fontId="3" fillId="0" borderId="1" xfId="0" applyFont="1" applyBorder="1" applyAlignment="1">
      <alignment horizontal="left" vertical="center" wrapText="1"/>
    </xf>
    <xf numFmtId="0" fontId="3" fillId="0" borderId="10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/>
    </xf>
    <xf numFmtId="0" fontId="3" fillId="0" borderId="4" xfId="0" applyFont="1" applyBorder="1" applyAlignment="1">
      <alignment horizontal="left" vertical="center"/>
    </xf>
    <xf numFmtId="0" fontId="3" fillId="0" borderId="13" xfId="0" applyFont="1" applyBorder="1" applyAlignment="1">
      <alignment horizontal="center" vertical="center" wrapText="1"/>
    </xf>
    <xf numFmtId="0" fontId="3" fillId="0" borderId="15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11" fillId="0" borderId="0" xfId="1" applyFont="1" applyAlignment="1">
      <alignment horizontal="center" vertical="center"/>
    </xf>
    <xf numFmtId="0" fontId="13" fillId="0" borderId="6" xfId="1" applyFont="1" applyBorder="1" applyAlignment="1">
      <alignment horizontal="center" vertical="center"/>
    </xf>
    <xf numFmtId="0" fontId="13" fillId="0" borderId="5" xfId="1" applyFont="1" applyBorder="1" applyAlignment="1">
      <alignment horizontal="center" vertical="center"/>
    </xf>
    <xf numFmtId="0" fontId="13" fillId="0" borderId="8" xfId="1" applyFont="1" applyBorder="1" applyAlignment="1">
      <alignment horizontal="center" vertical="center"/>
    </xf>
    <xf numFmtId="0" fontId="13" fillId="0" borderId="7" xfId="1" applyFont="1" applyBorder="1" applyAlignment="1">
      <alignment horizontal="center" vertical="center"/>
    </xf>
    <xf numFmtId="0" fontId="13" fillId="0" borderId="0" xfId="1" applyFont="1" applyBorder="1" applyAlignment="1">
      <alignment horizontal="center" vertical="center"/>
    </xf>
    <xf numFmtId="0" fontId="13" fillId="0" borderId="9" xfId="1" applyFont="1" applyBorder="1" applyAlignment="1">
      <alignment horizontal="center" vertical="center"/>
    </xf>
    <xf numFmtId="0" fontId="13" fillId="0" borderId="10" xfId="1" applyFont="1" applyBorder="1" applyAlignment="1">
      <alignment horizontal="center" vertical="center"/>
    </xf>
    <xf numFmtId="0" fontId="13" fillId="0" borderId="11" xfId="1" applyFont="1" applyBorder="1" applyAlignment="1">
      <alignment horizontal="center" vertical="center"/>
    </xf>
    <xf numFmtId="0" fontId="13" fillId="0" borderId="12" xfId="1" applyFont="1" applyBorder="1" applyAlignment="1">
      <alignment horizontal="center" vertical="center"/>
    </xf>
    <xf numFmtId="0" fontId="14" fillId="0" borderId="1" xfId="1" applyFont="1" applyBorder="1" applyAlignment="1">
      <alignment horizontal="center" vertical="center"/>
    </xf>
    <xf numFmtId="0" fontId="13" fillId="0" borderId="29" xfId="1" applyFont="1" applyBorder="1" applyAlignment="1">
      <alignment horizontal="center" vertical="center"/>
    </xf>
    <xf numFmtId="0" fontId="13" fillId="0" borderId="25" xfId="1" applyFont="1" applyBorder="1" applyAlignment="1">
      <alignment horizontal="center" vertical="center"/>
    </xf>
    <xf numFmtId="0" fontId="13" fillId="0" borderId="30" xfId="1" applyFont="1" applyBorder="1" applyAlignment="1">
      <alignment horizontal="center" vertical="center"/>
    </xf>
    <xf numFmtId="0" fontId="13" fillId="0" borderId="17" xfId="1" applyFont="1" applyBorder="1" applyAlignment="1">
      <alignment horizontal="center" vertical="center"/>
    </xf>
    <xf numFmtId="0" fontId="13" fillId="0" borderId="26" xfId="1" applyFont="1" applyBorder="1" applyAlignment="1">
      <alignment horizontal="center" vertical="center"/>
    </xf>
    <xf numFmtId="0" fontId="13" fillId="0" borderId="1" xfId="1" applyFont="1" applyBorder="1" applyAlignment="1">
      <alignment horizontal="center" vertical="center"/>
    </xf>
    <xf numFmtId="20" fontId="13" fillId="0" borderId="0" xfId="1" applyNumberFormat="1" applyFont="1" applyAlignment="1">
      <alignment horizontal="center" vertical="center"/>
    </xf>
    <xf numFmtId="0" fontId="13" fillId="0" borderId="0" xfId="1" applyFont="1" applyAlignment="1">
      <alignment horizontal="center" vertical="center"/>
    </xf>
    <xf numFmtId="0" fontId="13" fillId="0" borderId="19" xfId="1" applyFont="1" applyBorder="1" applyAlignment="1">
      <alignment horizontal="center" vertical="center"/>
    </xf>
    <xf numFmtId="0" fontId="13" fillId="0" borderId="20" xfId="1" applyFont="1" applyBorder="1" applyAlignment="1">
      <alignment horizontal="center" vertical="center"/>
    </xf>
    <xf numFmtId="0" fontId="13" fillId="0" borderId="27" xfId="1" applyFont="1" applyBorder="1" applyAlignment="1">
      <alignment horizontal="center" vertical="center"/>
    </xf>
    <xf numFmtId="0" fontId="13" fillId="0" borderId="16" xfId="1" applyFont="1" applyBorder="1" applyAlignment="1">
      <alignment horizontal="center" vertical="center"/>
    </xf>
    <xf numFmtId="0" fontId="13" fillId="0" borderId="31" xfId="1" applyFont="1" applyBorder="1" applyAlignment="1">
      <alignment horizontal="center" vertical="center"/>
    </xf>
    <xf numFmtId="0" fontId="13" fillId="0" borderId="21" xfId="1" applyFont="1" applyBorder="1" applyAlignment="1">
      <alignment horizontal="center" vertical="center"/>
    </xf>
    <xf numFmtId="0" fontId="13" fillId="0" borderId="18" xfId="1" applyFont="1" applyBorder="1" applyAlignment="1">
      <alignment horizontal="center" vertical="center"/>
    </xf>
    <xf numFmtId="0" fontId="13" fillId="0" borderId="0" xfId="1" applyFont="1" applyAlignment="1">
      <alignment horizontal="left" vertical="center" wrapText="1"/>
    </xf>
    <xf numFmtId="0" fontId="12" fillId="0" borderId="0" xfId="1" applyFont="1" applyAlignment="1">
      <alignment horizontal="center" vertical="center"/>
    </xf>
    <xf numFmtId="0" fontId="13" fillId="0" borderId="28" xfId="1" applyFont="1" applyBorder="1" applyAlignment="1">
      <alignment horizontal="center" vertical="center"/>
    </xf>
    <xf numFmtId="0" fontId="13" fillId="0" borderId="32" xfId="1" applyFont="1" applyBorder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49946</xdr:colOff>
      <xdr:row>19</xdr:row>
      <xdr:rowOff>108856</xdr:rowOff>
    </xdr:from>
    <xdr:to>
      <xdr:col>4</xdr:col>
      <xdr:colOff>115661</xdr:colOff>
      <xdr:row>20</xdr:row>
      <xdr:rowOff>304134</xdr:rowOff>
    </xdr:to>
    <xdr:sp macro="" textlink="">
      <xdr:nvSpPr>
        <xdr:cNvPr id="2" name="左大かっこ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4608339" y="6823981"/>
          <a:ext cx="65715" cy="535457"/>
        </a:xfrm>
        <a:prstGeom prst="leftBracket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1034901</xdr:colOff>
      <xdr:row>19</xdr:row>
      <xdr:rowOff>122465</xdr:rowOff>
    </xdr:from>
    <xdr:to>
      <xdr:col>6</xdr:col>
      <xdr:colOff>1095375</xdr:colOff>
      <xdr:row>20</xdr:row>
      <xdr:rowOff>311982</xdr:rowOff>
    </xdr:to>
    <xdr:sp macro="" textlink="">
      <xdr:nvSpPr>
        <xdr:cNvPr id="3" name="左大かっこ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 rot="10800000">
          <a:off x="7362222" y="6837590"/>
          <a:ext cx="60474" cy="529696"/>
        </a:xfrm>
        <a:prstGeom prst="leftBracket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48450</xdr:colOff>
      <xdr:row>15</xdr:row>
      <xdr:rowOff>54427</xdr:rowOff>
    </xdr:from>
    <xdr:to>
      <xdr:col>4</xdr:col>
      <xdr:colOff>94169</xdr:colOff>
      <xdr:row>15</xdr:row>
      <xdr:rowOff>306859</xdr:rowOff>
    </xdr:to>
    <xdr:sp macro="" textlink="">
      <xdr:nvSpPr>
        <xdr:cNvPr id="4" name="左大かっこ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>
          <a:off x="4606843" y="5408838"/>
          <a:ext cx="45719" cy="252432"/>
        </a:xfrm>
        <a:prstGeom prst="leftBracket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1047571</xdr:colOff>
      <xdr:row>15</xdr:row>
      <xdr:rowOff>13606</xdr:rowOff>
    </xdr:from>
    <xdr:to>
      <xdr:col>6</xdr:col>
      <xdr:colOff>1093290</xdr:colOff>
      <xdr:row>15</xdr:row>
      <xdr:rowOff>317109</xdr:rowOff>
    </xdr:to>
    <xdr:sp macro="" textlink="">
      <xdr:nvSpPr>
        <xdr:cNvPr id="5" name="左大かっこ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/>
      </xdr:nvSpPr>
      <xdr:spPr>
        <a:xfrm rot="10800000">
          <a:off x="7374892" y="5368017"/>
          <a:ext cx="45719" cy="303503"/>
        </a:xfrm>
        <a:prstGeom prst="leftBracket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56971</xdr:colOff>
      <xdr:row>22</xdr:row>
      <xdr:rowOff>129268</xdr:rowOff>
    </xdr:from>
    <xdr:to>
      <xdr:col>4</xdr:col>
      <xdr:colOff>102690</xdr:colOff>
      <xdr:row>22</xdr:row>
      <xdr:rowOff>313348</xdr:rowOff>
    </xdr:to>
    <xdr:sp macro="" textlink="">
      <xdr:nvSpPr>
        <xdr:cNvPr id="8" name="左大かっこ 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/>
      </xdr:nvSpPr>
      <xdr:spPr>
        <a:xfrm>
          <a:off x="4615364" y="7864929"/>
          <a:ext cx="45719" cy="184080"/>
        </a:xfrm>
        <a:prstGeom prst="leftBracket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1058637</xdr:colOff>
      <xdr:row>22</xdr:row>
      <xdr:rowOff>129267</xdr:rowOff>
    </xdr:from>
    <xdr:to>
      <xdr:col>6</xdr:col>
      <xdr:colOff>1108983</xdr:colOff>
      <xdr:row>22</xdr:row>
      <xdr:rowOff>309989</xdr:rowOff>
    </xdr:to>
    <xdr:sp macro="" textlink="">
      <xdr:nvSpPr>
        <xdr:cNvPr id="9" name="左大かっこ 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/>
      </xdr:nvSpPr>
      <xdr:spPr>
        <a:xfrm rot="10800000">
          <a:off x="7385958" y="7864928"/>
          <a:ext cx="50346" cy="180722"/>
        </a:xfrm>
        <a:prstGeom prst="leftBracket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144379</xdr:colOff>
      <xdr:row>0</xdr:row>
      <xdr:rowOff>80211</xdr:rowOff>
    </xdr:from>
    <xdr:to>
      <xdr:col>0</xdr:col>
      <xdr:colOff>654918</xdr:colOff>
      <xdr:row>1</xdr:row>
      <xdr:rowOff>112796</xdr:rowOff>
    </xdr:to>
    <xdr:sp macro="" textlink="">
      <xdr:nvSpPr>
        <xdr:cNvPr id="10" name="正方形/長方形 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/>
      </xdr:nvSpPr>
      <xdr:spPr>
        <a:xfrm>
          <a:off x="144379" y="80211"/>
          <a:ext cx="510539" cy="409574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600" b="0">
              <a:solidFill>
                <a:schemeClr val="tx1"/>
              </a:solidFill>
            </a:rPr>
            <a:t>表</a:t>
          </a:r>
        </a:p>
      </xdr:txBody>
    </xdr:sp>
    <xdr:clientData/>
  </xdr:twoCellAnchor>
  <xdr:twoCellAnchor>
    <xdr:from>
      <xdr:col>1</xdr:col>
      <xdr:colOff>68037</xdr:colOff>
      <xdr:row>9</xdr:row>
      <xdr:rowOff>748393</xdr:rowOff>
    </xdr:from>
    <xdr:to>
      <xdr:col>1</xdr:col>
      <xdr:colOff>122464</xdr:colOff>
      <xdr:row>9</xdr:row>
      <xdr:rowOff>1313089</xdr:rowOff>
    </xdr:to>
    <xdr:sp macro="" textlink="">
      <xdr:nvSpPr>
        <xdr:cNvPr id="11" name="左大かっこ 10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/>
      </xdr:nvSpPr>
      <xdr:spPr>
        <a:xfrm>
          <a:off x="843644" y="3429000"/>
          <a:ext cx="54427" cy="564696"/>
        </a:xfrm>
        <a:prstGeom prst="leftBracket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686159</xdr:colOff>
      <xdr:row>9</xdr:row>
      <xdr:rowOff>693123</xdr:rowOff>
    </xdr:from>
    <xdr:to>
      <xdr:col>2</xdr:col>
      <xdr:colOff>734789</xdr:colOff>
      <xdr:row>9</xdr:row>
      <xdr:rowOff>1313088</xdr:rowOff>
    </xdr:to>
    <xdr:sp macro="" textlink="">
      <xdr:nvSpPr>
        <xdr:cNvPr id="12" name="左大かっこ 1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/>
      </xdr:nvSpPr>
      <xdr:spPr>
        <a:xfrm rot="10800000">
          <a:off x="3897445" y="3373730"/>
          <a:ext cx="48630" cy="619965"/>
        </a:xfrm>
        <a:prstGeom prst="leftBracket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47625</xdr:colOff>
      <xdr:row>9</xdr:row>
      <xdr:rowOff>721179</xdr:rowOff>
    </xdr:from>
    <xdr:to>
      <xdr:col>4</xdr:col>
      <xdr:colOff>129268</xdr:colOff>
      <xdr:row>9</xdr:row>
      <xdr:rowOff>1313089</xdr:rowOff>
    </xdr:to>
    <xdr:sp macro="" textlink="">
      <xdr:nvSpPr>
        <xdr:cNvPr id="13" name="左大かっこ 12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/>
      </xdr:nvSpPr>
      <xdr:spPr>
        <a:xfrm>
          <a:off x="4606018" y="3401786"/>
          <a:ext cx="81643" cy="591910"/>
        </a:xfrm>
        <a:prstGeom prst="leftBracket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551090</xdr:colOff>
      <xdr:row>9</xdr:row>
      <xdr:rowOff>714374</xdr:rowOff>
    </xdr:from>
    <xdr:to>
      <xdr:col>7</xdr:col>
      <xdr:colOff>625929</xdr:colOff>
      <xdr:row>9</xdr:row>
      <xdr:rowOff>1313088</xdr:rowOff>
    </xdr:to>
    <xdr:sp macro="" textlink="">
      <xdr:nvSpPr>
        <xdr:cNvPr id="14" name="左大かっこ 13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/>
      </xdr:nvSpPr>
      <xdr:spPr>
        <a:xfrm rot="10800000">
          <a:off x="8021411" y="3394981"/>
          <a:ext cx="74839" cy="598714"/>
        </a:xfrm>
        <a:prstGeom prst="leftBracket">
          <a:avLst/>
        </a:prstGeom>
        <a:ln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0500</xdr:colOff>
      <xdr:row>0</xdr:row>
      <xdr:rowOff>47625</xdr:rowOff>
    </xdr:from>
    <xdr:to>
      <xdr:col>3</xdr:col>
      <xdr:colOff>76199</xdr:colOff>
      <xdr:row>0</xdr:row>
      <xdr:rowOff>457199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190500" y="47625"/>
          <a:ext cx="510539" cy="409574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600" b="0">
              <a:solidFill>
                <a:schemeClr val="tx1"/>
              </a:solidFill>
            </a:rPr>
            <a:t>裏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25"/>
  <sheetViews>
    <sheetView view="pageBreakPreview" zoomScale="130" zoomScaleNormal="100" zoomScaleSheetLayoutView="130" workbookViewId="0">
      <selection activeCell="C23" sqref="C23"/>
    </sheetView>
  </sheetViews>
  <sheetFormatPr defaultColWidth="8.90625" defaultRowHeight="10.5" x14ac:dyDescent="0.2"/>
  <cols>
    <col min="1" max="1" width="11.36328125" style="5" customWidth="1"/>
    <col min="2" max="2" width="35.453125" style="1" customWidth="1"/>
    <col min="3" max="3" width="11.26953125" style="1" customWidth="1"/>
    <col min="4" max="4" width="8.453125" style="1" customWidth="1"/>
    <col min="5" max="6" width="12.90625" style="1" customWidth="1"/>
    <col min="7" max="7" width="16.6328125" style="1" customWidth="1"/>
    <col min="8" max="9" width="9.6328125" style="1" customWidth="1"/>
    <col min="10" max="10" width="22.453125" style="1" customWidth="1"/>
    <col min="11" max="16384" width="8.90625" style="1"/>
  </cols>
  <sheetData>
    <row r="1" spans="1:11" ht="27" customHeight="1" x14ac:dyDescent="0.2">
      <c r="A1" s="53" t="s">
        <v>19</v>
      </c>
      <c r="B1" s="53"/>
      <c r="C1" s="53"/>
      <c r="D1" s="53"/>
      <c r="E1" s="53"/>
      <c r="F1" s="53"/>
      <c r="G1" s="53"/>
      <c r="H1" s="53"/>
      <c r="I1" s="53"/>
      <c r="J1" s="53"/>
    </row>
    <row r="2" spans="1:11" ht="15" customHeight="1" x14ac:dyDescent="0.2">
      <c r="B2" s="19" t="s">
        <v>36</v>
      </c>
      <c r="G2" s="20" t="s">
        <v>5</v>
      </c>
      <c r="H2" s="21" t="s">
        <v>49</v>
      </c>
      <c r="I2" s="18"/>
      <c r="J2" s="18"/>
    </row>
    <row r="3" spans="1:11" ht="16.25" customHeight="1" x14ac:dyDescent="0.2">
      <c r="A3" s="3" t="s">
        <v>13</v>
      </c>
      <c r="B3" s="11"/>
      <c r="C3" s="28" t="s">
        <v>6</v>
      </c>
      <c r="D3" s="29"/>
      <c r="E3" s="61" t="s">
        <v>52</v>
      </c>
      <c r="F3" s="61"/>
      <c r="G3" s="61"/>
      <c r="H3" s="61"/>
      <c r="I3" s="61"/>
      <c r="J3" s="61"/>
    </row>
    <row r="4" spans="1:11" ht="41" customHeight="1" x14ac:dyDescent="0.2">
      <c r="A4" s="22" t="s">
        <v>51</v>
      </c>
      <c r="B4" s="23"/>
      <c r="C4" s="30" t="s">
        <v>50</v>
      </c>
      <c r="D4" s="30"/>
      <c r="E4" s="30"/>
      <c r="F4" s="30"/>
      <c r="G4" s="30"/>
      <c r="H4" s="30"/>
      <c r="I4" s="30"/>
      <c r="J4" s="30"/>
    </row>
    <row r="5" spans="1:11" ht="25.15" customHeight="1" x14ac:dyDescent="0.2">
      <c r="A5" s="71" t="s">
        <v>14</v>
      </c>
      <c r="B5" s="66"/>
      <c r="C5" s="55" t="s">
        <v>16</v>
      </c>
      <c r="D5" s="56"/>
      <c r="E5" s="4" t="s">
        <v>12</v>
      </c>
      <c r="F5" s="59" t="s">
        <v>34</v>
      </c>
      <c r="G5" s="60"/>
      <c r="H5" s="10" t="s">
        <v>11</v>
      </c>
      <c r="I5" s="61"/>
      <c r="J5" s="61"/>
    </row>
    <row r="6" spans="1:11" ht="23.5" customHeight="1" thickBot="1" x14ac:dyDescent="0.25">
      <c r="A6" s="72"/>
      <c r="B6" s="67"/>
      <c r="C6" s="57"/>
      <c r="D6" s="58"/>
      <c r="E6" s="3" t="s">
        <v>17</v>
      </c>
      <c r="F6" s="30"/>
      <c r="G6" s="31"/>
      <c r="H6" s="31"/>
      <c r="I6" s="31"/>
      <c r="J6" s="31"/>
      <c r="K6" s="9"/>
    </row>
    <row r="7" spans="1:11" ht="48" customHeight="1" thickTop="1" thickBot="1" x14ac:dyDescent="0.25">
      <c r="A7" s="3" t="s">
        <v>7</v>
      </c>
      <c r="B7" s="64" t="s">
        <v>15</v>
      </c>
      <c r="C7" s="64"/>
      <c r="D7" s="64"/>
      <c r="E7" s="64"/>
      <c r="F7" s="65"/>
      <c r="G7" s="25" t="s">
        <v>40</v>
      </c>
      <c r="H7" s="26"/>
      <c r="I7" s="26"/>
      <c r="J7" s="27"/>
    </row>
    <row r="8" spans="1:11" ht="4.9000000000000004" customHeight="1" thickTop="1" x14ac:dyDescent="0.2">
      <c r="H8" s="9"/>
      <c r="I8" s="9"/>
      <c r="J8" s="9"/>
    </row>
    <row r="9" spans="1:11" ht="14.5" customHeight="1" x14ac:dyDescent="0.2">
      <c r="A9" s="70" t="s">
        <v>4</v>
      </c>
      <c r="B9" s="70"/>
      <c r="C9" s="70"/>
      <c r="D9" s="70"/>
      <c r="E9" s="70"/>
    </row>
    <row r="10" spans="1:11" ht="105.65" customHeight="1" x14ac:dyDescent="0.2">
      <c r="A10" s="3" t="s">
        <v>41</v>
      </c>
      <c r="B10" s="32" t="s">
        <v>46</v>
      </c>
      <c r="C10" s="33"/>
      <c r="D10" s="3" t="s">
        <v>42</v>
      </c>
      <c r="E10" s="32" t="s">
        <v>47</v>
      </c>
      <c r="F10" s="62"/>
      <c r="G10" s="62"/>
      <c r="H10" s="63"/>
      <c r="I10" s="3" t="s">
        <v>18</v>
      </c>
      <c r="J10" s="6" t="s">
        <v>38</v>
      </c>
    </row>
    <row r="11" spans="1:11" ht="5.5" customHeight="1" x14ac:dyDescent="0.2"/>
    <row r="12" spans="1:11" ht="19.149999999999999" customHeight="1" x14ac:dyDescent="0.2">
      <c r="A12" s="68" t="s">
        <v>8</v>
      </c>
      <c r="B12" s="69"/>
      <c r="C12" s="28" t="s">
        <v>9</v>
      </c>
      <c r="D12" s="29"/>
      <c r="E12" s="28" t="s">
        <v>37</v>
      </c>
      <c r="F12" s="54"/>
      <c r="G12" s="29"/>
      <c r="H12" s="28" t="s">
        <v>10</v>
      </c>
      <c r="I12" s="29"/>
      <c r="J12" s="4" t="s">
        <v>53</v>
      </c>
    </row>
    <row r="13" spans="1:11" ht="27" customHeight="1" x14ac:dyDescent="0.2">
      <c r="A13" s="34" t="s">
        <v>39</v>
      </c>
      <c r="B13" s="6" t="s">
        <v>54</v>
      </c>
      <c r="C13" s="3"/>
      <c r="D13" s="7" t="s">
        <v>2</v>
      </c>
      <c r="E13" s="38" t="s">
        <v>43</v>
      </c>
      <c r="F13" s="39"/>
      <c r="G13" s="40"/>
      <c r="H13" s="47"/>
      <c r="I13" s="48"/>
      <c r="J13" s="35" t="s">
        <v>20</v>
      </c>
    </row>
    <row r="14" spans="1:11" ht="27" customHeight="1" x14ac:dyDescent="0.2">
      <c r="A14" s="34"/>
      <c r="B14" s="6" t="s">
        <v>55</v>
      </c>
      <c r="C14" s="2"/>
      <c r="D14" s="7" t="s">
        <v>2</v>
      </c>
      <c r="E14" s="41"/>
      <c r="F14" s="42"/>
      <c r="G14" s="43"/>
      <c r="H14" s="49"/>
      <c r="I14" s="50"/>
      <c r="J14" s="36"/>
    </row>
    <row r="15" spans="1:11" ht="27" customHeight="1" x14ac:dyDescent="0.2">
      <c r="A15" s="34"/>
      <c r="B15" s="8" t="s">
        <v>56</v>
      </c>
      <c r="C15" s="3"/>
      <c r="D15" s="7" t="s">
        <v>2</v>
      </c>
      <c r="E15" s="41"/>
      <c r="F15" s="42"/>
      <c r="G15" s="43"/>
      <c r="H15" s="49"/>
      <c r="I15" s="50"/>
      <c r="J15" s="36"/>
    </row>
    <row r="16" spans="1:11" ht="27" customHeight="1" x14ac:dyDescent="0.2">
      <c r="A16" s="34"/>
      <c r="B16" s="24"/>
      <c r="C16" s="3"/>
      <c r="D16" s="7" t="s">
        <v>2</v>
      </c>
      <c r="E16" s="44"/>
      <c r="F16" s="45"/>
      <c r="G16" s="46"/>
      <c r="H16" s="51"/>
      <c r="I16" s="52"/>
      <c r="J16" s="37"/>
    </row>
    <row r="17" spans="1:10" ht="27" customHeight="1" x14ac:dyDescent="0.2">
      <c r="A17" s="34" t="s">
        <v>1</v>
      </c>
      <c r="B17" s="8" t="s">
        <v>57</v>
      </c>
      <c r="C17" s="3"/>
      <c r="D17" s="7" t="s">
        <v>2</v>
      </c>
      <c r="E17" s="38" t="s">
        <v>44</v>
      </c>
      <c r="F17" s="39"/>
      <c r="G17" s="40"/>
      <c r="H17" s="47"/>
      <c r="I17" s="48"/>
      <c r="J17" s="35" t="s">
        <v>21</v>
      </c>
    </row>
    <row r="18" spans="1:10" ht="27" customHeight="1" x14ac:dyDescent="0.2">
      <c r="A18" s="34"/>
      <c r="B18" s="6" t="s">
        <v>58</v>
      </c>
      <c r="C18" s="3"/>
      <c r="D18" s="7" t="s">
        <v>0</v>
      </c>
      <c r="E18" s="41"/>
      <c r="F18" s="42"/>
      <c r="G18" s="43"/>
      <c r="H18" s="49"/>
      <c r="I18" s="50"/>
      <c r="J18" s="36"/>
    </row>
    <row r="19" spans="1:10" ht="27" customHeight="1" x14ac:dyDescent="0.2">
      <c r="A19" s="34"/>
      <c r="B19" s="6" t="s">
        <v>59</v>
      </c>
      <c r="C19" s="3"/>
      <c r="D19" s="7" t="s">
        <v>0</v>
      </c>
      <c r="E19" s="41"/>
      <c r="F19" s="42"/>
      <c r="G19" s="43"/>
      <c r="H19" s="49"/>
      <c r="I19" s="50"/>
      <c r="J19" s="36"/>
    </row>
    <row r="20" spans="1:10" ht="27" customHeight="1" x14ac:dyDescent="0.2">
      <c r="A20" s="34"/>
      <c r="B20" s="6" t="s">
        <v>60</v>
      </c>
      <c r="C20" s="3"/>
      <c r="D20" s="7" t="s">
        <v>0</v>
      </c>
      <c r="E20" s="41"/>
      <c r="F20" s="42"/>
      <c r="G20" s="43"/>
      <c r="H20" s="49"/>
      <c r="I20" s="50"/>
      <c r="J20" s="36"/>
    </row>
    <row r="21" spans="1:10" ht="27" customHeight="1" x14ac:dyDescent="0.2">
      <c r="A21" s="34"/>
      <c r="B21" s="2" t="s">
        <v>35</v>
      </c>
      <c r="C21" s="2"/>
      <c r="D21" s="7"/>
      <c r="E21" s="44"/>
      <c r="F21" s="45"/>
      <c r="G21" s="46"/>
      <c r="H21" s="51"/>
      <c r="I21" s="52"/>
      <c r="J21" s="37"/>
    </row>
    <row r="22" spans="1:10" ht="27" customHeight="1" x14ac:dyDescent="0.2">
      <c r="A22" s="34" t="s">
        <v>48</v>
      </c>
      <c r="B22" s="6" t="s">
        <v>61</v>
      </c>
      <c r="C22" s="3"/>
      <c r="D22" s="7" t="s">
        <v>0</v>
      </c>
      <c r="E22" s="38" t="s">
        <v>45</v>
      </c>
      <c r="F22" s="39"/>
      <c r="G22" s="40"/>
      <c r="H22" s="47"/>
      <c r="I22" s="48"/>
      <c r="J22" s="34" t="s">
        <v>22</v>
      </c>
    </row>
    <row r="23" spans="1:10" ht="27" customHeight="1" x14ac:dyDescent="0.2">
      <c r="A23" s="34"/>
      <c r="B23" s="6" t="s">
        <v>62</v>
      </c>
      <c r="C23" s="3"/>
      <c r="D23" s="7" t="s">
        <v>3</v>
      </c>
      <c r="E23" s="44"/>
      <c r="F23" s="45"/>
      <c r="G23" s="46"/>
      <c r="H23" s="51"/>
      <c r="I23" s="52"/>
      <c r="J23" s="30"/>
    </row>
    <row r="25" spans="1:10" x14ac:dyDescent="0.2">
      <c r="B25" s="5"/>
      <c r="C25" s="5"/>
      <c r="I25" s="5"/>
    </row>
  </sheetData>
  <mergeCells count="32">
    <mergeCell ref="A1:J1"/>
    <mergeCell ref="E12:G12"/>
    <mergeCell ref="C3:D3"/>
    <mergeCell ref="C5:D6"/>
    <mergeCell ref="F5:G5"/>
    <mergeCell ref="I5:J5"/>
    <mergeCell ref="H12:I12"/>
    <mergeCell ref="E10:H10"/>
    <mergeCell ref="B7:F7"/>
    <mergeCell ref="B5:B6"/>
    <mergeCell ref="A12:B12"/>
    <mergeCell ref="A9:E9"/>
    <mergeCell ref="A5:A6"/>
    <mergeCell ref="C4:D4"/>
    <mergeCell ref="E4:J4"/>
    <mergeCell ref="E3:J3"/>
    <mergeCell ref="G7:J7"/>
    <mergeCell ref="C12:D12"/>
    <mergeCell ref="F6:J6"/>
    <mergeCell ref="B10:C10"/>
    <mergeCell ref="A22:A23"/>
    <mergeCell ref="A17:A21"/>
    <mergeCell ref="A13:A16"/>
    <mergeCell ref="J13:J16"/>
    <mergeCell ref="J17:J21"/>
    <mergeCell ref="J22:J23"/>
    <mergeCell ref="E13:G16"/>
    <mergeCell ref="E17:G21"/>
    <mergeCell ref="E22:G23"/>
    <mergeCell ref="H13:I16"/>
    <mergeCell ref="H17:I21"/>
    <mergeCell ref="H22:I23"/>
  </mergeCells>
  <phoneticPr fontId="1"/>
  <pageMargins left="0.69" right="0.51181102362204722" top="0.35433070866141736" bottom="0.35433070866141736" header="0.31496062992125984" footer="0.31496062992125984"/>
  <pageSetup paperSize="9" scale="88" orientation="landscape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BB89"/>
  <sheetViews>
    <sheetView tabSelected="1" zoomScale="73" zoomScaleNormal="73" workbookViewId="0">
      <selection activeCell="BF6" sqref="BF6"/>
    </sheetView>
  </sheetViews>
  <sheetFormatPr defaultRowHeight="13" x14ac:dyDescent="0.2"/>
  <cols>
    <col min="1" max="1" width="3.36328125" style="13" customWidth="1"/>
    <col min="2" max="3" width="2.90625" style="13" customWidth="1"/>
    <col min="4" max="45" width="3" style="13" customWidth="1"/>
    <col min="46" max="57" width="2.453125" style="13" customWidth="1"/>
    <col min="58" max="256" width="8.90625" style="13"/>
    <col min="257" max="257" width="3.36328125" style="13" customWidth="1"/>
    <col min="258" max="260" width="2.90625" style="13" customWidth="1"/>
    <col min="261" max="273" width="2.453125" style="13" customWidth="1"/>
    <col min="274" max="274" width="2.7265625" style="13" customWidth="1"/>
    <col min="275" max="277" width="2.453125" style="13" customWidth="1"/>
    <col min="278" max="278" width="2.7265625" style="13" customWidth="1"/>
    <col min="279" max="279" width="2.453125" style="13" customWidth="1"/>
    <col min="280" max="280" width="2.26953125" style="13" customWidth="1"/>
    <col min="281" max="287" width="2.453125" style="13" customWidth="1"/>
    <col min="288" max="288" width="2.7265625" style="13" customWidth="1"/>
    <col min="289" max="313" width="2.453125" style="13" customWidth="1"/>
    <col min="314" max="512" width="8.90625" style="13"/>
    <col min="513" max="513" width="3.36328125" style="13" customWidth="1"/>
    <col min="514" max="516" width="2.90625" style="13" customWidth="1"/>
    <col min="517" max="529" width="2.453125" style="13" customWidth="1"/>
    <col min="530" max="530" width="2.7265625" style="13" customWidth="1"/>
    <col min="531" max="533" width="2.453125" style="13" customWidth="1"/>
    <col min="534" max="534" width="2.7265625" style="13" customWidth="1"/>
    <col min="535" max="535" width="2.453125" style="13" customWidth="1"/>
    <col min="536" max="536" width="2.26953125" style="13" customWidth="1"/>
    <col min="537" max="543" width="2.453125" style="13" customWidth="1"/>
    <col min="544" max="544" width="2.7265625" style="13" customWidth="1"/>
    <col min="545" max="569" width="2.453125" style="13" customWidth="1"/>
    <col min="570" max="768" width="8.90625" style="13"/>
    <col min="769" max="769" width="3.36328125" style="13" customWidth="1"/>
    <col min="770" max="772" width="2.90625" style="13" customWidth="1"/>
    <col min="773" max="785" width="2.453125" style="13" customWidth="1"/>
    <col min="786" max="786" width="2.7265625" style="13" customWidth="1"/>
    <col min="787" max="789" width="2.453125" style="13" customWidth="1"/>
    <col min="790" max="790" width="2.7265625" style="13" customWidth="1"/>
    <col min="791" max="791" width="2.453125" style="13" customWidth="1"/>
    <col min="792" max="792" width="2.26953125" style="13" customWidth="1"/>
    <col min="793" max="799" width="2.453125" style="13" customWidth="1"/>
    <col min="800" max="800" width="2.7265625" style="13" customWidth="1"/>
    <col min="801" max="825" width="2.453125" style="13" customWidth="1"/>
    <col min="826" max="1024" width="8.90625" style="13"/>
    <col min="1025" max="1025" width="3.36328125" style="13" customWidth="1"/>
    <col min="1026" max="1028" width="2.90625" style="13" customWidth="1"/>
    <col min="1029" max="1041" width="2.453125" style="13" customWidth="1"/>
    <col min="1042" max="1042" width="2.7265625" style="13" customWidth="1"/>
    <col min="1043" max="1045" width="2.453125" style="13" customWidth="1"/>
    <col min="1046" max="1046" width="2.7265625" style="13" customWidth="1"/>
    <col min="1047" max="1047" width="2.453125" style="13" customWidth="1"/>
    <col min="1048" max="1048" width="2.26953125" style="13" customWidth="1"/>
    <col min="1049" max="1055" width="2.453125" style="13" customWidth="1"/>
    <col min="1056" max="1056" width="2.7265625" style="13" customWidth="1"/>
    <col min="1057" max="1081" width="2.453125" style="13" customWidth="1"/>
    <col min="1082" max="1280" width="8.90625" style="13"/>
    <col min="1281" max="1281" width="3.36328125" style="13" customWidth="1"/>
    <col min="1282" max="1284" width="2.90625" style="13" customWidth="1"/>
    <col min="1285" max="1297" width="2.453125" style="13" customWidth="1"/>
    <col min="1298" max="1298" width="2.7265625" style="13" customWidth="1"/>
    <col min="1299" max="1301" width="2.453125" style="13" customWidth="1"/>
    <col min="1302" max="1302" width="2.7265625" style="13" customWidth="1"/>
    <col min="1303" max="1303" width="2.453125" style="13" customWidth="1"/>
    <col min="1304" max="1304" width="2.26953125" style="13" customWidth="1"/>
    <col min="1305" max="1311" width="2.453125" style="13" customWidth="1"/>
    <col min="1312" max="1312" width="2.7265625" style="13" customWidth="1"/>
    <col min="1313" max="1337" width="2.453125" style="13" customWidth="1"/>
    <col min="1338" max="1536" width="8.90625" style="13"/>
    <col min="1537" max="1537" width="3.36328125" style="13" customWidth="1"/>
    <col min="1538" max="1540" width="2.90625" style="13" customWidth="1"/>
    <col min="1541" max="1553" width="2.453125" style="13" customWidth="1"/>
    <col min="1554" max="1554" width="2.7265625" style="13" customWidth="1"/>
    <col min="1555" max="1557" width="2.453125" style="13" customWidth="1"/>
    <col min="1558" max="1558" width="2.7265625" style="13" customWidth="1"/>
    <col min="1559" max="1559" width="2.453125" style="13" customWidth="1"/>
    <col min="1560" max="1560" width="2.26953125" style="13" customWidth="1"/>
    <col min="1561" max="1567" width="2.453125" style="13" customWidth="1"/>
    <col min="1568" max="1568" width="2.7265625" style="13" customWidth="1"/>
    <col min="1569" max="1593" width="2.453125" style="13" customWidth="1"/>
    <col min="1594" max="1792" width="8.90625" style="13"/>
    <col min="1793" max="1793" width="3.36328125" style="13" customWidth="1"/>
    <col min="1794" max="1796" width="2.90625" style="13" customWidth="1"/>
    <col min="1797" max="1809" width="2.453125" style="13" customWidth="1"/>
    <col min="1810" max="1810" width="2.7265625" style="13" customWidth="1"/>
    <col min="1811" max="1813" width="2.453125" style="13" customWidth="1"/>
    <col min="1814" max="1814" width="2.7265625" style="13" customWidth="1"/>
    <col min="1815" max="1815" width="2.453125" style="13" customWidth="1"/>
    <col min="1816" max="1816" width="2.26953125" style="13" customWidth="1"/>
    <col min="1817" max="1823" width="2.453125" style="13" customWidth="1"/>
    <col min="1824" max="1824" width="2.7265625" style="13" customWidth="1"/>
    <col min="1825" max="1849" width="2.453125" style="13" customWidth="1"/>
    <col min="1850" max="2048" width="8.90625" style="13"/>
    <col min="2049" max="2049" width="3.36328125" style="13" customWidth="1"/>
    <col min="2050" max="2052" width="2.90625" style="13" customWidth="1"/>
    <col min="2053" max="2065" width="2.453125" style="13" customWidth="1"/>
    <col min="2066" max="2066" width="2.7265625" style="13" customWidth="1"/>
    <col min="2067" max="2069" width="2.453125" style="13" customWidth="1"/>
    <col min="2070" max="2070" width="2.7265625" style="13" customWidth="1"/>
    <col min="2071" max="2071" width="2.453125" style="13" customWidth="1"/>
    <col min="2072" max="2072" width="2.26953125" style="13" customWidth="1"/>
    <col min="2073" max="2079" width="2.453125" style="13" customWidth="1"/>
    <col min="2080" max="2080" width="2.7265625" style="13" customWidth="1"/>
    <col min="2081" max="2105" width="2.453125" style="13" customWidth="1"/>
    <col min="2106" max="2304" width="8.90625" style="13"/>
    <col min="2305" max="2305" width="3.36328125" style="13" customWidth="1"/>
    <col min="2306" max="2308" width="2.90625" style="13" customWidth="1"/>
    <col min="2309" max="2321" width="2.453125" style="13" customWidth="1"/>
    <col min="2322" max="2322" width="2.7265625" style="13" customWidth="1"/>
    <col min="2323" max="2325" width="2.453125" style="13" customWidth="1"/>
    <col min="2326" max="2326" width="2.7265625" style="13" customWidth="1"/>
    <col min="2327" max="2327" width="2.453125" style="13" customWidth="1"/>
    <col min="2328" max="2328" width="2.26953125" style="13" customWidth="1"/>
    <col min="2329" max="2335" width="2.453125" style="13" customWidth="1"/>
    <col min="2336" max="2336" width="2.7265625" style="13" customWidth="1"/>
    <col min="2337" max="2361" width="2.453125" style="13" customWidth="1"/>
    <col min="2362" max="2560" width="8.90625" style="13"/>
    <col min="2561" max="2561" width="3.36328125" style="13" customWidth="1"/>
    <col min="2562" max="2564" width="2.90625" style="13" customWidth="1"/>
    <col min="2565" max="2577" width="2.453125" style="13" customWidth="1"/>
    <col min="2578" max="2578" width="2.7265625" style="13" customWidth="1"/>
    <col min="2579" max="2581" width="2.453125" style="13" customWidth="1"/>
    <col min="2582" max="2582" width="2.7265625" style="13" customWidth="1"/>
    <col min="2583" max="2583" width="2.453125" style="13" customWidth="1"/>
    <col min="2584" max="2584" width="2.26953125" style="13" customWidth="1"/>
    <col min="2585" max="2591" width="2.453125" style="13" customWidth="1"/>
    <col min="2592" max="2592" width="2.7265625" style="13" customWidth="1"/>
    <col min="2593" max="2617" width="2.453125" style="13" customWidth="1"/>
    <col min="2618" max="2816" width="8.90625" style="13"/>
    <col min="2817" max="2817" width="3.36328125" style="13" customWidth="1"/>
    <col min="2818" max="2820" width="2.90625" style="13" customWidth="1"/>
    <col min="2821" max="2833" width="2.453125" style="13" customWidth="1"/>
    <col min="2834" max="2834" width="2.7265625" style="13" customWidth="1"/>
    <col min="2835" max="2837" width="2.453125" style="13" customWidth="1"/>
    <col min="2838" max="2838" width="2.7265625" style="13" customWidth="1"/>
    <col min="2839" max="2839" width="2.453125" style="13" customWidth="1"/>
    <col min="2840" max="2840" width="2.26953125" style="13" customWidth="1"/>
    <col min="2841" max="2847" width="2.453125" style="13" customWidth="1"/>
    <col min="2848" max="2848" width="2.7265625" style="13" customWidth="1"/>
    <col min="2849" max="2873" width="2.453125" style="13" customWidth="1"/>
    <col min="2874" max="3072" width="8.90625" style="13"/>
    <col min="3073" max="3073" width="3.36328125" style="13" customWidth="1"/>
    <col min="3074" max="3076" width="2.90625" style="13" customWidth="1"/>
    <col min="3077" max="3089" width="2.453125" style="13" customWidth="1"/>
    <col min="3090" max="3090" width="2.7265625" style="13" customWidth="1"/>
    <col min="3091" max="3093" width="2.453125" style="13" customWidth="1"/>
    <col min="3094" max="3094" width="2.7265625" style="13" customWidth="1"/>
    <col min="3095" max="3095" width="2.453125" style="13" customWidth="1"/>
    <col min="3096" max="3096" width="2.26953125" style="13" customWidth="1"/>
    <col min="3097" max="3103" width="2.453125" style="13" customWidth="1"/>
    <col min="3104" max="3104" width="2.7265625" style="13" customWidth="1"/>
    <col min="3105" max="3129" width="2.453125" style="13" customWidth="1"/>
    <col min="3130" max="3328" width="8.90625" style="13"/>
    <col min="3329" max="3329" width="3.36328125" style="13" customWidth="1"/>
    <col min="3330" max="3332" width="2.90625" style="13" customWidth="1"/>
    <col min="3333" max="3345" width="2.453125" style="13" customWidth="1"/>
    <col min="3346" max="3346" width="2.7265625" style="13" customWidth="1"/>
    <col min="3347" max="3349" width="2.453125" style="13" customWidth="1"/>
    <col min="3350" max="3350" width="2.7265625" style="13" customWidth="1"/>
    <col min="3351" max="3351" width="2.453125" style="13" customWidth="1"/>
    <col min="3352" max="3352" width="2.26953125" style="13" customWidth="1"/>
    <col min="3353" max="3359" width="2.453125" style="13" customWidth="1"/>
    <col min="3360" max="3360" width="2.7265625" style="13" customWidth="1"/>
    <col min="3361" max="3385" width="2.453125" style="13" customWidth="1"/>
    <col min="3386" max="3584" width="8.90625" style="13"/>
    <col min="3585" max="3585" width="3.36328125" style="13" customWidth="1"/>
    <col min="3586" max="3588" width="2.90625" style="13" customWidth="1"/>
    <col min="3589" max="3601" width="2.453125" style="13" customWidth="1"/>
    <col min="3602" max="3602" width="2.7265625" style="13" customWidth="1"/>
    <col min="3603" max="3605" width="2.453125" style="13" customWidth="1"/>
    <col min="3606" max="3606" width="2.7265625" style="13" customWidth="1"/>
    <col min="3607" max="3607" width="2.453125" style="13" customWidth="1"/>
    <col min="3608" max="3608" width="2.26953125" style="13" customWidth="1"/>
    <col min="3609" max="3615" width="2.453125" style="13" customWidth="1"/>
    <col min="3616" max="3616" width="2.7265625" style="13" customWidth="1"/>
    <col min="3617" max="3641" width="2.453125" style="13" customWidth="1"/>
    <col min="3642" max="3840" width="8.90625" style="13"/>
    <col min="3841" max="3841" width="3.36328125" style="13" customWidth="1"/>
    <col min="3842" max="3844" width="2.90625" style="13" customWidth="1"/>
    <col min="3845" max="3857" width="2.453125" style="13" customWidth="1"/>
    <col min="3858" max="3858" width="2.7265625" style="13" customWidth="1"/>
    <col min="3859" max="3861" width="2.453125" style="13" customWidth="1"/>
    <col min="3862" max="3862" width="2.7265625" style="13" customWidth="1"/>
    <col min="3863" max="3863" width="2.453125" style="13" customWidth="1"/>
    <col min="3864" max="3864" width="2.26953125" style="13" customWidth="1"/>
    <col min="3865" max="3871" width="2.453125" style="13" customWidth="1"/>
    <col min="3872" max="3872" width="2.7265625" style="13" customWidth="1"/>
    <col min="3873" max="3897" width="2.453125" style="13" customWidth="1"/>
    <col min="3898" max="4096" width="8.90625" style="13"/>
    <col min="4097" max="4097" width="3.36328125" style="13" customWidth="1"/>
    <col min="4098" max="4100" width="2.90625" style="13" customWidth="1"/>
    <col min="4101" max="4113" width="2.453125" style="13" customWidth="1"/>
    <col min="4114" max="4114" width="2.7265625" style="13" customWidth="1"/>
    <col min="4115" max="4117" width="2.453125" style="13" customWidth="1"/>
    <col min="4118" max="4118" width="2.7265625" style="13" customWidth="1"/>
    <col min="4119" max="4119" width="2.453125" style="13" customWidth="1"/>
    <col min="4120" max="4120" width="2.26953125" style="13" customWidth="1"/>
    <col min="4121" max="4127" width="2.453125" style="13" customWidth="1"/>
    <col min="4128" max="4128" width="2.7265625" style="13" customWidth="1"/>
    <col min="4129" max="4153" width="2.453125" style="13" customWidth="1"/>
    <col min="4154" max="4352" width="8.90625" style="13"/>
    <col min="4353" max="4353" width="3.36328125" style="13" customWidth="1"/>
    <col min="4354" max="4356" width="2.90625" style="13" customWidth="1"/>
    <col min="4357" max="4369" width="2.453125" style="13" customWidth="1"/>
    <col min="4370" max="4370" width="2.7265625" style="13" customWidth="1"/>
    <col min="4371" max="4373" width="2.453125" style="13" customWidth="1"/>
    <col min="4374" max="4374" width="2.7265625" style="13" customWidth="1"/>
    <col min="4375" max="4375" width="2.453125" style="13" customWidth="1"/>
    <col min="4376" max="4376" width="2.26953125" style="13" customWidth="1"/>
    <col min="4377" max="4383" width="2.453125" style="13" customWidth="1"/>
    <col min="4384" max="4384" width="2.7265625" style="13" customWidth="1"/>
    <col min="4385" max="4409" width="2.453125" style="13" customWidth="1"/>
    <col min="4410" max="4608" width="8.90625" style="13"/>
    <col min="4609" max="4609" width="3.36328125" style="13" customWidth="1"/>
    <col min="4610" max="4612" width="2.90625" style="13" customWidth="1"/>
    <col min="4613" max="4625" width="2.453125" style="13" customWidth="1"/>
    <col min="4626" max="4626" width="2.7265625" style="13" customWidth="1"/>
    <col min="4627" max="4629" width="2.453125" style="13" customWidth="1"/>
    <col min="4630" max="4630" width="2.7265625" style="13" customWidth="1"/>
    <col min="4631" max="4631" width="2.453125" style="13" customWidth="1"/>
    <col min="4632" max="4632" width="2.26953125" style="13" customWidth="1"/>
    <col min="4633" max="4639" width="2.453125" style="13" customWidth="1"/>
    <col min="4640" max="4640" width="2.7265625" style="13" customWidth="1"/>
    <col min="4641" max="4665" width="2.453125" style="13" customWidth="1"/>
    <col min="4666" max="4864" width="8.90625" style="13"/>
    <col min="4865" max="4865" width="3.36328125" style="13" customWidth="1"/>
    <col min="4866" max="4868" width="2.90625" style="13" customWidth="1"/>
    <col min="4869" max="4881" width="2.453125" style="13" customWidth="1"/>
    <col min="4882" max="4882" width="2.7265625" style="13" customWidth="1"/>
    <col min="4883" max="4885" width="2.453125" style="13" customWidth="1"/>
    <col min="4886" max="4886" width="2.7265625" style="13" customWidth="1"/>
    <col min="4887" max="4887" width="2.453125" style="13" customWidth="1"/>
    <col min="4888" max="4888" width="2.26953125" style="13" customWidth="1"/>
    <col min="4889" max="4895" width="2.453125" style="13" customWidth="1"/>
    <col min="4896" max="4896" width="2.7265625" style="13" customWidth="1"/>
    <col min="4897" max="4921" width="2.453125" style="13" customWidth="1"/>
    <col min="4922" max="5120" width="8.90625" style="13"/>
    <col min="5121" max="5121" width="3.36328125" style="13" customWidth="1"/>
    <col min="5122" max="5124" width="2.90625" style="13" customWidth="1"/>
    <col min="5125" max="5137" width="2.453125" style="13" customWidth="1"/>
    <col min="5138" max="5138" width="2.7265625" style="13" customWidth="1"/>
    <col min="5139" max="5141" width="2.453125" style="13" customWidth="1"/>
    <col min="5142" max="5142" width="2.7265625" style="13" customWidth="1"/>
    <col min="5143" max="5143" width="2.453125" style="13" customWidth="1"/>
    <col min="5144" max="5144" width="2.26953125" style="13" customWidth="1"/>
    <col min="5145" max="5151" width="2.453125" style="13" customWidth="1"/>
    <col min="5152" max="5152" width="2.7265625" style="13" customWidth="1"/>
    <col min="5153" max="5177" width="2.453125" style="13" customWidth="1"/>
    <col min="5178" max="5376" width="8.90625" style="13"/>
    <col min="5377" max="5377" width="3.36328125" style="13" customWidth="1"/>
    <col min="5378" max="5380" width="2.90625" style="13" customWidth="1"/>
    <col min="5381" max="5393" width="2.453125" style="13" customWidth="1"/>
    <col min="5394" max="5394" width="2.7265625" style="13" customWidth="1"/>
    <col min="5395" max="5397" width="2.453125" style="13" customWidth="1"/>
    <col min="5398" max="5398" width="2.7265625" style="13" customWidth="1"/>
    <col min="5399" max="5399" width="2.453125" style="13" customWidth="1"/>
    <col min="5400" max="5400" width="2.26953125" style="13" customWidth="1"/>
    <col min="5401" max="5407" width="2.453125" style="13" customWidth="1"/>
    <col min="5408" max="5408" width="2.7265625" style="13" customWidth="1"/>
    <col min="5409" max="5433" width="2.453125" style="13" customWidth="1"/>
    <col min="5434" max="5632" width="8.90625" style="13"/>
    <col min="5633" max="5633" width="3.36328125" style="13" customWidth="1"/>
    <col min="5634" max="5636" width="2.90625" style="13" customWidth="1"/>
    <col min="5637" max="5649" width="2.453125" style="13" customWidth="1"/>
    <col min="5650" max="5650" width="2.7265625" style="13" customWidth="1"/>
    <col min="5651" max="5653" width="2.453125" style="13" customWidth="1"/>
    <col min="5654" max="5654" width="2.7265625" style="13" customWidth="1"/>
    <col min="5655" max="5655" width="2.453125" style="13" customWidth="1"/>
    <col min="5656" max="5656" width="2.26953125" style="13" customWidth="1"/>
    <col min="5657" max="5663" width="2.453125" style="13" customWidth="1"/>
    <col min="5664" max="5664" width="2.7265625" style="13" customWidth="1"/>
    <col min="5665" max="5689" width="2.453125" style="13" customWidth="1"/>
    <col min="5690" max="5888" width="8.90625" style="13"/>
    <col min="5889" max="5889" width="3.36328125" style="13" customWidth="1"/>
    <col min="5890" max="5892" width="2.90625" style="13" customWidth="1"/>
    <col min="5893" max="5905" width="2.453125" style="13" customWidth="1"/>
    <col min="5906" max="5906" width="2.7265625" style="13" customWidth="1"/>
    <col min="5907" max="5909" width="2.453125" style="13" customWidth="1"/>
    <col min="5910" max="5910" width="2.7265625" style="13" customWidth="1"/>
    <col min="5911" max="5911" width="2.453125" style="13" customWidth="1"/>
    <col min="5912" max="5912" width="2.26953125" style="13" customWidth="1"/>
    <col min="5913" max="5919" width="2.453125" style="13" customWidth="1"/>
    <col min="5920" max="5920" width="2.7265625" style="13" customWidth="1"/>
    <col min="5921" max="5945" width="2.453125" style="13" customWidth="1"/>
    <col min="5946" max="6144" width="8.90625" style="13"/>
    <col min="6145" max="6145" width="3.36328125" style="13" customWidth="1"/>
    <col min="6146" max="6148" width="2.90625" style="13" customWidth="1"/>
    <col min="6149" max="6161" width="2.453125" style="13" customWidth="1"/>
    <col min="6162" max="6162" width="2.7265625" style="13" customWidth="1"/>
    <col min="6163" max="6165" width="2.453125" style="13" customWidth="1"/>
    <col min="6166" max="6166" width="2.7265625" style="13" customWidth="1"/>
    <col min="6167" max="6167" width="2.453125" style="13" customWidth="1"/>
    <col min="6168" max="6168" width="2.26953125" style="13" customWidth="1"/>
    <col min="6169" max="6175" width="2.453125" style="13" customWidth="1"/>
    <col min="6176" max="6176" width="2.7265625" style="13" customWidth="1"/>
    <col min="6177" max="6201" width="2.453125" style="13" customWidth="1"/>
    <col min="6202" max="6400" width="8.90625" style="13"/>
    <col min="6401" max="6401" width="3.36328125" style="13" customWidth="1"/>
    <col min="6402" max="6404" width="2.90625" style="13" customWidth="1"/>
    <col min="6405" max="6417" width="2.453125" style="13" customWidth="1"/>
    <col min="6418" max="6418" width="2.7265625" style="13" customWidth="1"/>
    <col min="6419" max="6421" width="2.453125" style="13" customWidth="1"/>
    <col min="6422" max="6422" width="2.7265625" style="13" customWidth="1"/>
    <col min="6423" max="6423" width="2.453125" style="13" customWidth="1"/>
    <col min="6424" max="6424" width="2.26953125" style="13" customWidth="1"/>
    <col min="6425" max="6431" width="2.453125" style="13" customWidth="1"/>
    <col min="6432" max="6432" width="2.7265625" style="13" customWidth="1"/>
    <col min="6433" max="6457" width="2.453125" style="13" customWidth="1"/>
    <col min="6458" max="6656" width="8.90625" style="13"/>
    <col min="6657" max="6657" width="3.36328125" style="13" customWidth="1"/>
    <col min="6658" max="6660" width="2.90625" style="13" customWidth="1"/>
    <col min="6661" max="6673" width="2.453125" style="13" customWidth="1"/>
    <col min="6674" max="6674" width="2.7265625" style="13" customWidth="1"/>
    <col min="6675" max="6677" width="2.453125" style="13" customWidth="1"/>
    <col min="6678" max="6678" width="2.7265625" style="13" customWidth="1"/>
    <col min="6679" max="6679" width="2.453125" style="13" customWidth="1"/>
    <col min="6680" max="6680" width="2.26953125" style="13" customWidth="1"/>
    <col min="6681" max="6687" width="2.453125" style="13" customWidth="1"/>
    <col min="6688" max="6688" width="2.7265625" style="13" customWidth="1"/>
    <col min="6689" max="6713" width="2.453125" style="13" customWidth="1"/>
    <col min="6714" max="6912" width="8.90625" style="13"/>
    <col min="6913" max="6913" width="3.36328125" style="13" customWidth="1"/>
    <col min="6914" max="6916" width="2.90625" style="13" customWidth="1"/>
    <col min="6917" max="6929" width="2.453125" style="13" customWidth="1"/>
    <col min="6930" max="6930" width="2.7265625" style="13" customWidth="1"/>
    <col min="6931" max="6933" width="2.453125" style="13" customWidth="1"/>
    <col min="6934" max="6934" width="2.7265625" style="13" customWidth="1"/>
    <col min="6935" max="6935" width="2.453125" style="13" customWidth="1"/>
    <col min="6936" max="6936" width="2.26953125" style="13" customWidth="1"/>
    <col min="6937" max="6943" width="2.453125" style="13" customWidth="1"/>
    <col min="6944" max="6944" width="2.7265625" style="13" customWidth="1"/>
    <col min="6945" max="6969" width="2.453125" style="13" customWidth="1"/>
    <col min="6970" max="7168" width="8.90625" style="13"/>
    <col min="7169" max="7169" width="3.36328125" style="13" customWidth="1"/>
    <col min="7170" max="7172" width="2.90625" style="13" customWidth="1"/>
    <col min="7173" max="7185" width="2.453125" style="13" customWidth="1"/>
    <col min="7186" max="7186" width="2.7265625" style="13" customWidth="1"/>
    <col min="7187" max="7189" width="2.453125" style="13" customWidth="1"/>
    <col min="7190" max="7190" width="2.7265625" style="13" customWidth="1"/>
    <col min="7191" max="7191" width="2.453125" style="13" customWidth="1"/>
    <col min="7192" max="7192" width="2.26953125" style="13" customWidth="1"/>
    <col min="7193" max="7199" width="2.453125" style="13" customWidth="1"/>
    <col min="7200" max="7200" width="2.7265625" style="13" customWidth="1"/>
    <col min="7201" max="7225" width="2.453125" style="13" customWidth="1"/>
    <col min="7226" max="7424" width="8.90625" style="13"/>
    <col min="7425" max="7425" width="3.36328125" style="13" customWidth="1"/>
    <col min="7426" max="7428" width="2.90625" style="13" customWidth="1"/>
    <col min="7429" max="7441" width="2.453125" style="13" customWidth="1"/>
    <col min="7442" max="7442" width="2.7265625" style="13" customWidth="1"/>
    <col min="7443" max="7445" width="2.453125" style="13" customWidth="1"/>
    <col min="7446" max="7446" width="2.7265625" style="13" customWidth="1"/>
    <col min="7447" max="7447" width="2.453125" style="13" customWidth="1"/>
    <col min="7448" max="7448" width="2.26953125" style="13" customWidth="1"/>
    <col min="7449" max="7455" width="2.453125" style="13" customWidth="1"/>
    <col min="7456" max="7456" width="2.7265625" style="13" customWidth="1"/>
    <col min="7457" max="7481" width="2.453125" style="13" customWidth="1"/>
    <col min="7482" max="7680" width="8.90625" style="13"/>
    <col min="7681" max="7681" width="3.36328125" style="13" customWidth="1"/>
    <col min="7682" max="7684" width="2.90625" style="13" customWidth="1"/>
    <col min="7685" max="7697" width="2.453125" style="13" customWidth="1"/>
    <col min="7698" max="7698" width="2.7265625" style="13" customWidth="1"/>
    <col min="7699" max="7701" width="2.453125" style="13" customWidth="1"/>
    <col min="7702" max="7702" width="2.7265625" style="13" customWidth="1"/>
    <col min="7703" max="7703" width="2.453125" style="13" customWidth="1"/>
    <col min="7704" max="7704" width="2.26953125" style="13" customWidth="1"/>
    <col min="7705" max="7711" width="2.453125" style="13" customWidth="1"/>
    <col min="7712" max="7712" width="2.7265625" style="13" customWidth="1"/>
    <col min="7713" max="7737" width="2.453125" style="13" customWidth="1"/>
    <col min="7738" max="7936" width="8.90625" style="13"/>
    <col min="7937" max="7937" width="3.36328125" style="13" customWidth="1"/>
    <col min="7938" max="7940" width="2.90625" style="13" customWidth="1"/>
    <col min="7941" max="7953" width="2.453125" style="13" customWidth="1"/>
    <col min="7954" max="7954" width="2.7265625" style="13" customWidth="1"/>
    <col min="7955" max="7957" width="2.453125" style="13" customWidth="1"/>
    <col min="7958" max="7958" width="2.7265625" style="13" customWidth="1"/>
    <col min="7959" max="7959" width="2.453125" style="13" customWidth="1"/>
    <col min="7960" max="7960" width="2.26953125" style="13" customWidth="1"/>
    <col min="7961" max="7967" width="2.453125" style="13" customWidth="1"/>
    <col min="7968" max="7968" width="2.7265625" style="13" customWidth="1"/>
    <col min="7969" max="7993" width="2.453125" style="13" customWidth="1"/>
    <col min="7994" max="8192" width="8.90625" style="13"/>
    <col min="8193" max="8193" width="3.36328125" style="13" customWidth="1"/>
    <col min="8194" max="8196" width="2.90625" style="13" customWidth="1"/>
    <col min="8197" max="8209" width="2.453125" style="13" customWidth="1"/>
    <col min="8210" max="8210" width="2.7265625" style="13" customWidth="1"/>
    <col min="8211" max="8213" width="2.453125" style="13" customWidth="1"/>
    <col min="8214" max="8214" width="2.7265625" style="13" customWidth="1"/>
    <col min="8215" max="8215" width="2.453125" style="13" customWidth="1"/>
    <col min="8216" max="8216" width="2.26953125" style="13" customWidth="1"/>
    <col min="8217" max="8223" width="2.453125" style="13" customWidth="1"/>
    <col min="8224" max="8224" width="2.7265625" style="13" customWidth="1"/>
    <col min="8225" max="8249" width="2.453125" style="13" customWidth="1"/>
    <col min="8250" max="8448" width="8.90625" style="13"/>
    <col min="8449" max="8449" width="3.36328125" style="13" customWidth="1"/>
    <col min="8450" max="8452" width="2.90625" style="13" customWidth="1"/>
    <col min="8453" max="8465" width="2.453125" style="13" customWidth="1"/>
    <col min="8466" max="8466" width="2.7265625" style="13" customWidth="1"/>
    <col min="8467" max="8469" width="2.453125" style="13" customWidth="1"/>
    <col min="8470" max="8470" width="2.7265625" style="13" customWidth="1"/>
    <col min="8471" max="8471" width="2.453125" style="13" customWidth="1"/>
    <col min="8472" max="8472" width="2.26953125" style="13" customWidth="1"/>
    <col min="8473" max="8479" width="2.453125" style="13" customWidth="1"/>
    <col min="8480" max="8480" width="2.7265625" style="13" customWidth="1"/>
    <col min="8481" max="8505" width="2.453125" style="13" customWidth="1"/>
    <col min="8506" max="8704" width="8.90625" style="13"/>
    <col min="8705" max="8705" width="3.36328125" style="13" customWidth="1"/>
    <col min="8706" max="8708" width="2.90625" style="13" customWidth="1"/>
    <col min="8709" max="8721" width="2.453125" style="13" customWidth="1"/>
    <col min="8722" max="8722" width="2.7265625" style="13" customWidth="1"/>
    <col min="8723" max="8725" width="2.453125" style="13" customWidth="1"/>
    <col min="8726" max="8726" width="2.7265625" style="13" customWidth="1"/>
    <col min="8727" max="8727" width="2.453125" style="13" customWidth="1"/>
    <col min="8728" max="8728" width="2.26953125" style="13" customWidth="1"/>
    <col min="8729" max="8735" width="2.453125" style="13" customWidth="1"/>
    <col min="8736" max="8736" width="2.7265625" style="13" customWidth="1"/>
    <col min="8737" max="8761" width="2.453125" style="13" customWidth="1"/>
    <col min="8762" max="8960" width="8.90625" style="13"/>
    <col min="8961" max="8961" width="3.36328125" style="13" customWidth="1"/>
    <col min="8962" max="8964" width="2.90625" style="13" customWidth="1"/>
    <col min="8965" max="8977" width="2.453125" style="13" customWidth="1"/>
    <col min="8978" max="8978" width="2.7265625" style="13" customWidth="1"/>
    <col min="8979" max="8981" width="2.453125" style="13" customWidth="1"/>
    <col min="8982" max="8982" width="2.7265625" style="13" customWidth="1"/>
    <col min="8983" max="8983" width="2.453125" style="13" customWidth="1"/>
    <col min="8984" max="8984" width="2.26953125" style="13" customWidth="1"/>
    <col min="8985" max="8991" width="2.453125" style="13" customWidth="1"/>
    <col min="8992" max="8992" width="2.7265625" style="13" customWidth="1"/>
    <col min="8993" max="9017" width="2.453125" style="13" customWidth="1"/>
    <col min="9018" max="9216" width="8.90625" style="13"/>
    <col min="9217" max="9217" width="3.36328125" style="13" customWidth="1"/>
    <col min="9218" max="9220" width="2.90625" style="13" customWidth="1"/>
    <col min="9221" max="9233" width="2.453125" style="13" customWidth="1"/>
    <col min="9234" max="9234" width="2.7265625" style="13" customWidth="1"/>
    <col min="9235" max="9237" width="2.453125" style="13" customWidth="1"/>
    <col min="9238" max="9238" width="2.7265625" style="13" customWidth="1"/>
    <col min="9239" max="9239" width="2.453125" style="13" customWidth="1"/>
    <col min="9240" max="9240" width="2.26953125" style="13" customWidth="1"/>
    <col min="9241" max="9247" width="2.453125" style="13" customWidth="1"/>
    <col min="9248" max="9248" width="2.7265625" style="13" customWidth="1"/>
    <col min="9249" max="9273" width="2.453125" style="13" customWidth="1"/>
    <col min="9274" max="9472" width="8.90625" style="13"/>
    <col min="9473" max="9473" width="3.36328125" style="13" customWidth="1"/>
    <col min="9474" max="9476" width="2.90625" style="13" customWidth="1"/>
    <col min="9477" max="9489" width="2.453125" style="13" customWidth="1"/>
    <col min="9490" max="9490" width="2.7265625" style="13" customWidth="1"/>
    <col min="9491" max="9493" width="2.453125" style="13" customWidth="1"/>
    <col min="9494" max="9494" width="2.7265625" style="13" customWidth="1"/>
    <col min="9495" max="9495" width="2.453125" style="13" customWidth="1"/>
    <col min="9496" max="9496" width="2.26953125" style="13" customWidth="1"/>
    <col min="9497" max="9503" width="2.453125" style="13" customWidth="1"/>
    <col min="9504" max="9504" width="2.7265625" style="13" customWidth="1"/>
    <col min="9505" max="9529" width="2.453125" style="13" customWidth="1"/>
    <col min="9530" max="9728" width="8.90625" style="13"/>
    <col min="9729" max="9729" width="3.36328125" style="13" customWidth="1"/>
    <col min="9730" max="9732" width="2.90625" style="13" customWidth="1"/>
    <col min="9733" max="9745" width="2.453125" style="13" customWidth="1"/>
    <col min="9746" max="9746" width="2.7265625" style="13" customWidth="1"/>
    <col min="9747" max="9749" width="2.453125" style="13" customWidth="1"/>
    <col min="9750" max="9750" width="2.7265625" style="13" customWidth="1"/>
    <col min="9751" max="9751" width="2.453125" style="13" customWidth="1"/>
    <col min="9752" max="9752" width="2.26953125" style="13" customWidth="1"/>
    <col min="9753" max="9759" width="2.453125" style="13" customWidth="1"/>
    <col min="9760" max="9760" width="2.7265625" style="13" customWidth="1"/>
    <col min="9761" max="9785" width="2.453125" style="13" customWidth="1"/>
    <col min="9786" max="9984" width="8.90625" style="13"/>
    <col min="9985" max="9985" width="3.36328125" style="13" customWidth="1"/>
    <col min="9986" max="9988" width="2.90625" style="13" customWidth="1"/>
    <col min="9989" max="10001" width="2.453125" style="13" customWidth="1"/>
    <col min="10002" max="10002" width="2.7265625" style="13" customWidth="1"/>
    <col min="10003" max="10005" width="2.453125" style="13" customWidth="1"/>
    <col min="10006" max="10006" width="2.7265625" style="13" customWidth="1"/>
    <col min="10007" max="10007" width="2.453125" style="13" customWidth="1"/>
    <col min="10008" max="10008" width="2.26953125" style="13" customWidth="1"/>
    <col min="10009" max="10015" width="2.453125" style="13" customWidth="1"/>
    <col min="10016" max="10016" width="2.7265625" style="13" customWidth="1"/>
    <col min="10017" max="10041" width="2.453125" style="13" customWidth="1"/>
    <col min="10042" max="10240" width="8.90625" style="13"/>
    <col min="10241" max="10241" width="3.36328125" style="13" customWidth="1"/>
    <col min="10242" max="10244" width="2.90625" style="13" customWidth="1"/>
    <col min="10245" max="10257" width="2.453125" style="13" customWidth="1"/>
    <col min="10258" max="10258" width="2.7265625" style="13" customWidth="1"/>
    <col min="10259" max="10261" width="2.453125" style="13" customWidth="1"/>
    <col min="10262" max="10262" width="2.7265625" style="13" customWidth="1"/>
    <col min="10263" max="10263" width="2.453125" style="13" customWidth="1"/>
    <col min="10264" max="10264" width="2.26953125" style="13" customWidth="1"/>
    <col min="10265" max="10271" width="2.453125" style="13" customWidth="1"/>
    <col min="10272" max="10272" width="2.7265625" style="13" customWidth="1"/>
    <col min="10273" max="10297" width="2.453125" style="13" customWidth="1"/>
    <col min="10298" max="10496" width="8.90625" style="13"/>
    <col min="10497" max="10497" width="3.36328125" style="13" customWidth="1"/>
    <col min="10498" max="10500" width="2.90625" style="13" customWidth="1"/>
    <col min="10501" max="10513" width="2.453125" style="13" customWidth="1"/>
    <col min="10514" max="10514" width="2.7265625" style="13" customWidth="1"/>
    <col min="10515" max="10517" width="2.453125" style="13" customWidth="1"/>
    <col min="10518" max="10518" width="2.7265625" style="13" customWidth="1"/>
    <col min="10519" max="10519" width="2.453125" style="13" customWidth="1"/>
    <col min="10520" max="10520" width="2.26953125" style="13" customWidth="1"/>
    <col min="10521" max="10527" width="2.453125" style="13" customWidth="1"/>
    <col min="10528" max="10528" width="2.7265625" style="13" customWidth="1"/>
    <col min="10529" max="10553" width="2.453125" style="13" customWidth="1"/>
    <col min="10554" max="10752" width="8.90625" style="13"/>
    <col min="10753" max="10753" width="3.36328125" style="13" customWidth="1"/>
    <col min="10754" max="10756" width="2.90625" style="13" customWidth="1"/>
    <col min="10757" max="10769" width="2.453125" style="13" customWidth="1"/>
    <col min="10770" max="10770" width="2.7265625" style="13" customWidth="1"/>
    <col min="10771" max="10773" width="2.453125" style="13" customWidth="1"/>
    <col min="10774" max="10774" width="2.7265625" style="13" customWidth="1"/>
    <col min="10775" max="10775" width="2.453125" style="13" customWidth="1"/>
    <col min="10776" max="10776" width="2.26953125" style="13" customWidth="1"/>
    <col min="10777" max="10783" width="2.453125" style="13" customWidth="1"/>
    <col min="10784" max="10784" width="2.7265625" style="13" customWidth="1"/>
    <col min="10785" max="10809" width="2.453125" style="13" customWidth="1"/>
    <col min="10810" max="11008" width="8.90625" style="13"/>
    <col min="11009" max="11009" width="3.36328125" style="13" customWidth="1"/>
    <col min="11010" max="11012" width="2.90625" style="13" customWidth="1"/>
    <col min="11013" max="11025" width="2.453125" style="13" customWidth="1"/>
    <col min="11026" max="11026" width="2.7265625" style="13" customWidth="1"/>
    <col min="11027" max="11029" width="2.453125" style="13" customWidth="1"/>
    <col min="11030" max="11030" width="2.7265625" style="13" customWidth="1"/>
    <col min="11031" max="11031" width="2.453125" style="13" customWidth="1"/>
    <col min="11032" max="11032" width="2.26953125" style="13" customWidth="1"/>
    <col min="11033" max="11039" width="2.453125" style="13" customWidth="1"/>
    <col min="11040" max="11040" width="2.7265625" style="13" customWidth="1"/>
    <col min="11041" max="11065" width="2.453125" style="13" customWidth="1"/>
    <col min="11066" max="11264" width="8.90625" style="13"/>
    <col min="11265" max="11265" width="3.36328125" style="13" customWidth="1"/>
    <col min="11266" max="11268" width="2.90625" style="13" customWidth="1"/>
    <col min="11269" max="11281" width="2.453125" style="13" customWidth="1"/>
    <col min="11282" max="11282" width="2.7265625" style="13" customWidth="1"/>
    <col min="11283" max="11285" width="2.453125" style="13" customWidth="1"/>
    <col min="11286" max="11286" width="2.7265625" style="13" customWidth="1"/>
    <col min="11287" max="11287" width="2.453125" style="13" customWidth="1"/>
    <col min="11288" max="11288" width="2.26953125" style="13" customWidth="1"/>
    <col min="11289" max="11295" width="2.453125" style="13" customWidth="1"/>
    <col min="11296" max="11296" width="2.7265625" style="13" customWidth="1"/>
    <col min="11297" max="11321" width="2.453125" style="13" customWidth="1"/>
    <col min="11322" max="11520" width="8.90625" style="13"/>
    <col min="11521" max="11521" width="3.36328125" style="13" customWidth="1"/>
    <col min="11522" max="11524" width="2.90625" style="13" customWidth="1"/>
    <col min="11525" max="11537" width="2.453125" style="13" customWidth="1"/>
    <col min="11538" max="11538" width="2.7265625" style="13" customWidth="1"/>
    <col min="11539" max="11541" width="2.453125" style="13" customWidth="1"/>
    <col min="11542" max="11542" width="2.7265625" style="13" customWidth="1"/>
    <col min="11543" max="11543" width="2.453125" style="13" customWidth="1"/>
    <col min="11544" max="11544" width="2.26953125" style="13" customWidth="1"/>
    <col min="11545" max="11551" width="2.453125" style="13" customWidth="1"/>
    <col min="11552" max="11552" width="2.7265625" style="13" customWidth="1"/>
    <col min="11553" max="11577" width="2.453125" style="13" customWidth="1"/>
    <col min="11578" max="11776" width="8.90625" style="13"/>
    <col min="11777" max="11777" width="3.36328125" style="13" customWidth="1"/>
    <col min="11778" max="11780" width="2.90625" style="13" customWidth="1"/>
    <col min="11781" max="11793" width="2.453125" style="13" customWidth="1"/>
    <col min="11794" max="11794" width="2.7265625" style="13" customWidth="1"/>
    <col min="11795" max="11797" width="2.453125" style="13" customWidth="1"/>
    <col min="11798" max="11798" width="2.7265625" style="13" customWidth="1"/>
    <col min="11799" max="11799" width="2.453125" style="13" customWidth="1"/>
    <col min="11800" max="11800" width="2.26953125" style="13" customWidth="1"/>
    <col min="11801" max="11807" width="2.453125" style="13" customWidth="1"/>
    <col min="11808" max="11808" width="2.7265625" style="13" customWidth="1"/>
    <col min="11809" max="11833" width="2.453125" style="13" customWidth="1"/>
    <col min="11834" max="12032" width="8.90625" style="13"/>
    <col min="12033" max="12033" width="3.36328125" style="13" customWidth="1"/>
    <col min="12034" max="12036" width="2.90625" style="13" customWidth="1"/>
    <col min="12037" max="12049" width="2.453125" style="13" customWidth="1"/>
    <col min="12050" max="12050" width="2.7265625" style="13" customWidth="1"/>
    <col min="12051" max="12053" width="2.453125" style="13" customWidth="1"/>
    <col min="12054" max="12054" width="2.7265625" style="13" customWidth="1"/>
    <col min="12055" max="12055" width="2.453125" style="13" customWidth="1"/>
    <col min="12056" max="12056" width="2.26953125" style="13" customWidth="1"/>
    <col min="12057" max="12063" width="2.453125" style="13" customWidth="1"/>
    <col min="12064" max="12064" width="2.7265625" style="13" customWidth="1"/>
    <col min="12065" max="12089" width="2.453125" style="13" customWidth="1"/>
    <col min="12090" max="12288" width="8.90625" style="13"/>
    <col min="12289" max="12289" width="3.36328125" style="13" customWidth="1"/>
    <col min="12290" max="12292" width="2.90625" style="13" customWidth="1"/>
    <col min="12293" max="12305" width="2.453125" style="13" customWidth="1"/>
    <col min="12306" max="12306" width="2.7265625" style="13" customWidth="1"/>
    <col min="12307" max="12309" width="2.453125" style="13" customWidth="1"/>
    <col min="12310" max="12310" width="2.7265625" style="13" customWidth="1"/>
    <col min="12311" max="12311" width="2.453125" style="13" customWidth="1"/>
    <col min="12312" max="12312" width="2.26953125" style="13" customWidth="1"/>
    <col min="12313" max="12319" width="2.453125" style="13" customWidth="1"/>
    <col min="12320" max="12320" width="2.7265625" style="13" customWidth="1"/>
    <col min="12321" max="12345" width="2.453125" style="13" customWidth="1"/>
    <col min="12346" max="12544" width="8.90625" style="13"/>
    <col min="12545" max="12545" width="3.36328125" style="13" customWidth="1"/>
    <col min="12546" max="12548" width="2.90625" style="13" customWidth="1"/>
    <col min="12549" max="12561" width="2.453125" style="13" customWidth="1"/>
    <col min="12562" max="12562" width="2.7265625" style="13" customWidth="1"/>
    <col min="12563" max="12565" width="2.453125" style="13" customWidth="1"/>
    <col min="12566" max="12566" width="2.7265625" style="13" customWidth="1"/>
    <col min="12567" max="12567" width="2.453125" style="13" customWidth="1"/>
    <col min="12568" max="12568" width="2.26953125" style="13" customWidth="1"/>
    <col min="12569" max="12575" width="2.453125" style="13" customWidth="1"/>
    <col min="12576" max="12576" width="2.7265625" style="13" customWidth="1"/>
    <col min="12577" max="12601" width="2.453125" style="13" customWidth="1"/>
    <col min="12602" max="12800" width="8.90625" style="13"/>
    <col min="12801" max="12801" width="3.36328125" style="13" customWidth="1"/>
    <col min="12802" max="12804" width="2.90625" style="13" customWidth="1"/>
    <col min="12805" max="12817" width="2.453125" style="13" customWidth="1"/>
    <col min="12818" max="12818" width="2.7265625" style="13" customWidth="1"/>
    <col min="12819" max="12821" width="2.453125" style="13" customWidth="1"/>
    <col min="12822" max="12822" width="2.7265625" style="13" customWidth="1"/>
    <col min="12823" max="12823" width="2.453125" style="13" customWidth="1"/>
    <col min="12824" max="12824" width="2.26953125" style="13" customWidth="1"/>
    <col min="12825" max="12831" width="2.453125" style="13" customWidth="1"/>
    <col min="12832" max="12832" width="2.7265625" style="13" customWidth="1"/>
    <col min="12833" max="12857" width="2.453125" style="13" customWidth="1"/>
    <col min="12858" max="13056" width="8.90625" style="13"/>
    <col min="13057" max="13057" width="3.36328125" style="13" customWidth="1"/>
    <col min="13058" max="13060" width="2.90625" style="13" customWidth="1"/>
    <col min="13061" max="13073" width="2.453125" style="13" customWidth="1"/>
    <col min="13074" max="13074" width="2.7265625" style="13" customWidth="1"/>
    <col min="13075" max="13077" width="2.453125" style="13" customWidth="1"/>
    <col min="13078" max="13078" width="2.7265625" style="13" customWidth="1"/>
    <col min="13079" max="13079" width="2.453125" style="13" customWidth="1"/>
    <col min="13080" max="13080" width="2.26953125" style="13" customWidth="1"/>
    <col min="13081" max="13087" width="2.453125" style="13" customWidth="1"/>
    <col min="13088" max="13088" width="2.7265625" style="13" customWidth="1"/>
    <col min="13089" max="13113" width="2.453125" style="13" customWidth="1"/>
    <col min="13114" max="13312" width="8.90625" style="13"/>
    <col min="13313" max="13313" width="3.36328125" style="13" customWidth="1"/>
    <col min="13314" max="13316" width="2.90625" style="13" customWidth="1"/>
    <col min="13317" max="13329" width="2.453125" style="13" customWidth="1"/>
    <col min="13330" max="13330" width="2.7265625" style="13" customWidth="1"/>
    <col min="13331" max="13333" width="2.453125" style="13" customWidth="1"/>
    <col min="13334" max="13334" width="2.7265625" style="13" customWidth="1"/>
    <col min="13335" max="13335" width="2.453125" style="13" customWidth="1"/>
    <col min="13336" max="13336" width="2.26953125" style="13" customWidth="1"/>
    <col min="13337" max="13343" width="2.453125" style="13" customWidth="1"/>
    <col min="13344" max="13344" width="2.7265625" style="13" customWidth="1"/>
    <col min="13345" max="13369" width="2.453125" style="13" customWidth="1"/>
    <col min="13370" max="13568" width="8.90625" style="13"/>
    <col min="13569" max="13569" width="3.36328125" style="13" customWidth="1"/>
    <col min="13570" max="13572" width="2.90625" style="13" customWidth="1"/>
    <col min="13573" max="13585" width="2.453125" style="13" customWidth="1"/>
    <col min="13586" max="13586" width="2.7265625" style="13" customWidth="1"/>
    <col min="13587" max="13589" width="2.453125" style="13" customWidth="1"/>
    <col min="13590" max="13590" width="2.7265625" style="13" customWidth="1"/>
    <col min="13591" max="13591" width="2.453125" style="13" customWidth="1"/>
    <col min="13592" max="13592" width="2.26953125" style="13" customWidth="1"/>
    <col min="13593" max="13599" width="2.453125" style="13" customWidth="1"/>
    <col min="13600" max="13600" width="2.7265625" style="13" customWidth="1"/>
    <col min="13601" max="13625" width="2.453125" style="13" customWidth="1"/>
    <col min="13626" max="13824" width="8.90625" style="13"/>
    <col min="13825" max="13825" width="3.36328125" style="13" customWidth="1"/>
    <col min="13826" max="13828" width="2.90625" style="13" customWidth="1"/>
    <col min="13829" max="13841" width="2.453125" style="13" customWidth="1"/>
    <col min="13842" max="13842" width="2.7265625" style="13" customWidth="1"/>
    <col min="13843" max="13845" width="2.453125" style="13" customWidth="1"/>
    <col min="13846" max="13846" width="2.7265625" style="13" customWidth="1"/>
    <col min="13847" max="13847" width="2.453125" style="13" customWidth="1"/>
    <col min="13848" max="13848" width="2.26953125" style="13" customWidth="1"/>
    <col min="13849" max="13855" width="2.453125" style="13" customWidth="1"/>
    <col min="13856" max="13856" width="2.7265625" style="13" customWidth="1"/>
    <col min="13857" max="13881" width="2.453125" style="13" customWidth="1"/>
    <col min="13882" max="14080" width="8.90625" style="13"/>
    <col min="14081" max="14081" width="3.36328125" style="13" customWidth="1"/>
    <col min="14082" max="14084" width="2.90625" style="13" customWidth="1"/>
    <col min="14085" max="14097" width="2.453125" style="13" customWidth="1"/>
    <col min="14098" max="14098" width="2.7265625" style="13" customWidth="1"/>
    <col min="14099" max="14101" width="2.453125" style="13" customWidth="1"/>
    <col min="14102" max="14102" width="2.7265625" style="13" customWidth="1"/>
    <col min="14103" max="14103" width="2.453125" style="13" customWidth="1"/>
    <col min="14104" max="14104" width="2.26953125" style="13" customWidth="1"/>
    <col min="14105" max="14111" width="2.453125" style="13" customWidth="1"/>
    <col min="14112" max="14112" width="2.7265625" style="13" customWidth="1"/>
    <col min="14113" max="14137" width="2.453125" style="13" customWidth="1"/>
    <col min="14138" max="14336" width="8.90625" style="13"/>
    <col min="14337" max="14337" width="3.36328125" style="13" customWidth="1"/>
    <col min="14338" max="14340" width="2.90625" style="13" customWidth="1"/>
    <col min="14341" max="14353" width="2.453125" style="13" customWidth="1"/>
    <col min="14354" max="14354" width="2.7265625" style="13" customWidth="1"/>
    <col min="14355" max="14357" width="2.453125" style="13" customWidth="1"/>
    <col min="14358" max="14358" width="2.7265625" style="13" customWidth="1"/>
    <col min="14359" max="14359" width="2.453125" style="13" customWidth="1"/>
    <col min="14360" max="14360" width="2.26953125" style="13" customWidth="1"/>
    <col min="14361" max="14367" width="2.453125" style="13" customWidth="1"/>
    <col min="14368" max="14368" width="2.7265625" style="13" customWidth="1"/>
    <col min="14369" max="14393" width="2.453125" style="13" customWidth="1"/>
    <col min="14394" max="14592" width="8.90625" style="13"/>
    <col min="14593" max="14593" width="3.36328125" style="13" customWidth="1"/>
    <col min="14594" max="14596" width="2.90625" style="13" customWidth="1"/>
    <col min="14597" max="14609" width="2.453125" style="13" customWidth="1"/>
    <col min="14610" max="14610" width="2.7265625" style="13" customWidth="1"/>
    <col min="14611" max="14613" width="2.453125" style="13" customWidth="1"/>
    <col min="14614" max="14614" width="2.7265625" style="13" customWidth="1"/>
    <col min="14615" max="14615" width="2.453125" style="13" customWidth="1"/>
    <col min="14616" max="14616" width="2.26953125" style="13" customWidth="1"/>
    <col min="14617" max="14623" width="2.453125" style="13" customWidth="1"/>
    <col min="14624" max="14624" width="2.7265625" style="13" customWidth="1"/>
    <col min="14625" max="14649" width="2.453125" style="13" customWidth="1"/>
    <col min="14650" max="14848" width="8.90625" style="13"/>
    <col min="14849" max="14849" width="3.36328125" style="13" customWidth="1"/>
    <col min="14850" max="14852" width="2.90625" style="13" customWidth="1"/>
    <col min="14853" max="14865" width="2.453125" style="13" customWidth="1"/>
    <col min="14866" max="14866" width="2.7265625" style="13" customWidth="1"/>
    <col min="14867" max="14869" width="2.453125" style="13" customWidth="1"/>
    <col min="14870" max="14870" width="2.7265625" style="13" customWidth="1"/>
    <col min="14871" max="14871" width="2.453125" style="13" customWidth="1"/>
    <col min="14872" max="14872" width="2.26953125" style="13" customWidth="1"/>
    <col min="14873" max="14879" width="2.453125" style="13" customWidth="1"/>
    <col min="14880" max="14880" width="2.7265625" style="13" customWidth="1"/>
    <col min="14881" max="14905" width="2.453125" style="13" customWidth="1"/>
    <col min="14906" max="15104" width="8.90625" style="13"/>
    <col min="15105" max="15105" width="3.36328125" style="13" customWidth="1"/>
    <col min="15106" max="15108" width="2.90625" style="13" customWidth="1"/>
    <col min="15109" max="15121" width="2.453125" style="13" customWidth="1"/>
    <col min="15122" max="15122" width="2.7265625" style="13" customWidth="1"/>
    <col min="15123" max="15125" width="2.453125" style="13" customWidth="1"/>
    <col min="15126" max="15126" width="2.7265625" style="13" customWidth="1"/>
    <col min="15127" max="15127" width="2.453125" style="13" customWidth="1"/>
    <col min="15128" max="15128" width="2.26953125" style="13" customWidth="1"/>
    <col min="15129" max="15135" width="2.453125" style="13" customWidth="1"/>
    <col min="15136" max="15136" width="2.7265625" style="13" customWidth="1"/>
    <col min="15137" max="15161" width="2.453125" style="13" customWidth="1"/>
    <col min="15162" max="15360" width="8.90625" style="13"/>
    <col min="15361" max="15361" width="3.36328125" style="13" customWidth="1"/>
    <col min="15362" max="15364" width="2.90625" style="13" customWidth="1"/>
    <col min="15365" max="15377" width="2.453125" style="13" customWidth="1"/>
    <col min="15378" max="15378" width="2.7265625" style="13" customWidth="1"/>
    <col min="15379" max="15381" width="2.453125" style="13" customWidth="1"/>
    <col min="15382" max="15382" width="2.7265625" style="13" customWidth="1"/>
    <col min="15383" max="15383" width="2.453125" style="13" customWidth="1"/>
    <col min="15384" max="15384" width="2.26953125" style="13" customWidth="1"/>
    <col min="15385" max="15391" width="2.453125" style="13" customWidth="1"/>
    <col min="15392" max="15392" width="2.7265625" style="13" customWidth="1"/>
    <col min="15393" max="15417" width="2.453125" style="13" customWidth="1"/>
    <col min="15418" max="15616" width="8.90625" style="13"/>
    <col min="15617" max="15617" width="3.36328125" style="13" customWidth="1"/>
    <col min="15618" max="15620" width="2.90625" style="13" customWidth="1"/>
    <col min="15621" max="15633" width="2.453125" style="13" customWidth="1"/>
    <col min="15634" max="15634" width="2.7265625" style="13" customWidth="1"/>
    <col min="15635" max="15637" width="2.453125" style="13" customWidth="1"/>
    <col min="15638" max="15638" width="2.7265625" style="13" customWidth="1"/>
    <col min="15639" max="15639" width="2.453125" style="13" customWidth="1"/>
    <col min="15640" max="15640" width="2.26953125" style="13" customWidth="1"/>
    <col min="15641" max="15647" width="2.453125" style="13" customWidth="1"/>
    <col min="15648" max="15648" width="2.7265625" style="13" customWidth="1"/>
    <col min="15649" max="15673" width="2.453125" style="13" customWidth="1"/>
    <col min="15674" max="15872" width="8.90625" style="13"/>
    <col min="15873" max="15873" width="3.36328125" style="13" customWidth="1"/>
    <col min="15874" max="15876" width="2.90625" style="13" customWidth="1"/>
    <col min="15877" max="15889" width="2.453125" style="13" customWidth="1"/>
    <col min="15890" max="15890" width="2.7265625" style="13" customWidth="1"/>
    <col min="15891" max="15893" width="2.453125" style="13" customWidth="1"/>
    <col min="15894" max="15894" width="2.7265625" style="13" customWidth="1"/>
    <col min="15895" max="15895" width="2.453125" style="13" customWidth="1"/>
    <col min="15896" max="15896" width="2.26953125" style="13" customWidth="1"/>
    <col min="15897" max="15903" width="2.453125" style="13" customWidth="1"/>
    <col min="15904" max="15904" width="2.7265625" style="13" customWidth="1"/>
    <col min="15905" max="15929" width="2.453125" style="13" customWidth="1"/>
    <col min="15930" max="16128" width="8.90625" style="13"/>
    <col min="16129" max="16129" width="3.36328125" style="13" customWidth="1"/>
    <col min="16130" max="16132" width="2.90625" style="13" customWidth="1"/>
    <col min="16133" max="16145" width="2.453125" style="13" customWidth="1"/>
    <col min="16146" max="16146" width="2.7265625" style="13" customWidth="1"/>
    <col min="16147" max="16149" width="2.453125" style="13" customWidth="1"/>
    <col min="16150" max="16150" width="2.7265625" style="13" customWidth="1"/>
    <col min="16151" max="16151" width="2.453125" style="13" customWidth="1"/>
    <col min="16152" max="16152" width="2.26953125" style="13" customWidth="1"/>
    <col min="16153" max="16159" width="2.453125" style="13" customWidth="1"/>
    <col min="16160" max="16160" width="2.7265625" style="13" customWidth="1"/>
    <col min="16161" max="16185" width="2.453125" style="13" customWidth="1"/>
    <col min="16186" max="16384" width="8.90625" style="13"/>
  </cols>
  <sheetData>
    <row r="1" spans="1:54" s="12" customFormat="1" ht="36.75" customHeight="1" x14ac:dyDescent="0.25">
      <c r="A1" s="73" t="s" ph="1">
        <v>33</v>
      </c>
      <c r="B1" s="73" ph="1"/>
      <c r="C1" s="73" ph="1"/>
      <c r="D1" s="73" ph="1"/>
      <c r="E1" s="73" ph="1"/>
      <c r="F1" s="73" ph="1"/>
      <c r="G1" s="73" ph="1"/>
      <c r="H1" s="73" ph="1"/>
      <c r="I1" s="73" ph="1"/>
      <c r="J1" s="73" ph="1"/>
      <c r="K1" s="73" ph="1"/>
      <c r="L1" s="73" ph="1"/>
      <c r="M1" s="73" ph="1"/>
      <c r="N1" s="73" ph="1"/>
      <c r="O1" s="73" ph="1"/>
      <c r="P1" s="73" ph="1"/>
      <c r="Q1" s="73" ph="1"/>
      <c r="R1" s="73" ph="1"/>
      <c r="S1" s="73" ph="1"/>
      <c r="T1" s="73" ph="1"/>
      <c r="U1" s="73" ph="1"/>
      <c r="V1" s="73" ph="1"/>
      <c r="W1" s="73" ph="1"/>
      <c r="X1" s="73" ph="1"/>
      <c r="Y1" s="73" ph="1"/>
      <c r="Z1" s="73" ph="1"/>
      <c r="AA1" s="73" ph="1"/>
      <c r="AB1" s="73" ph="1"/>
      <c r="AC1" s="73" ph="1"/>
      <c r="AD1" s="73" ph="1"/>
      <c r="AE1" s="73" ph="1"/>
      <c r="AF1" s="73" ph="1"/>
      <c r="AG1" s="73" ph="1"/>
      <c r="AH1" s="73" ph="1"/>
      <c r="AI1" s="73" ph="1"/>
      <c r="AJ1" s="73" ph="1"/>
      <c r="AK1" s="73" ph="1"/>
      <c r="AL1" s="73" ph="1"/>
      <c r="AM1" s="73" ph="1"/>
      <c r="AN1" s="73" ph="1"/>
      <c r="AO1" s="73" ph="1"/>
      <c r="AP1" s="73" ph="1"/>
      <c r="AQ1" s="73" ph="1"/>
      <c r="AR1" s="73" ph="1"/>
      <c r="AS1" s="73" ph="1"/>
      <c r="AT1" s="73" ph="1"/>
      <c r="AU1" s="73" ph="1"/>
      <c r="AV1" s="73" ph="1"/>
      <c r="AW1" s="73" ph="1"/>
      <c r="AX1" s="73" ph="1"/>
      <c r="AY1" s="73" ph="1"/>
      <c r="AZ1" s="73" ph="1"/>
      <c r="BA1" s="73" ph="1"/>
    </row>
    <row r="2" spans="1:54" ht="24.75" customHeight="1" x14ac:dyDescent="0.2">
      <c r="A2" s="100" t="s">
        <v>23</v>
      </c>
      <c r="B2" s="100"/>
      <c r="C2" s="100"/>
      <c r="D2" s="100"/>
      <c r="E2" s="100"/>
      <c r="F2" s="100"/>
      <c r="G2" s="100"/>
    </row>
    <row r="3" spans="1:54" ht="9" customHeight="1" x14ac:dyDescent="0.2">
      <c r="D3" s="74" t="s">
        <v>24</v>
      </c>
      <c r="E3" s="75"/>
      <c r="F3" s="75"/>
      <c r="G3" s="75"/>
      <c r="H3" s="75"/>
      <c r="I3" s="76"/>
      <c r="J3" s="74" t="s">
        <v>25</v>
      </c>
      <c r="K3" s="75"/>
      <c r="L3" s="75"/>
      <c r="M3" s="75"/>
      <c r="N3" s="75"/>
      <c r="O3" s="75"/>
      <c r="P3" s="74" t="s">
        <v>26</v>
      </c>
      <c r="Q3" s="75"/>
      <c r="R3" s="75"/>
      <c r="S3" s="75"/>
      <c r="T3" s="75"/>
      <c r="U3" s="76"/>
      <c r="V3" s="74" t="s">
        <v>27</v>
      </c>
      <c r="W3" s="75"/>
      <c r="X3" s="75"/>
      <c r="Y3" s="75"/>
      <c r="Z3" s="75"/>
      <c r="AA3" s="76"/>
      <c r="AB3" s="74" t="s">
        <v>28</v>
      </c>
      <c r="AC3" s="75"/>
      <c r="AD3" s="75"/>
      <c r="AE3" s="75"/>
      <c r="AF3" s="75"/>
      <c r="AG3" s="76"/>
      <c r="AH3" s="74" t="s">
        <v>29</v>
      </c>
      <c r="AI3" s="75"/>
      <c r="AJ3" s="75"/>
      <c r="AK3" s="75"/>
      <c r="AL3" s="75"/>
      <c r="AM3" s="76"/>
      <c r="AN3" s="74" t="s">
        <v>30</v>
      </c>
      <c r="AO3" s="75"/>
      <c r="AP3" s="75"/>
      <c r="AQ3" s="75"/>
      <c r="AR3" s="75"/>
      <c r="AS3" s="76"/>
      <c r="AT3" s="83" t="s">
        <v>31</v>
      </c>
      <c r="AU3" s="83"/>
      <c r="AV3" s="83"/>
      <c r="AW3" s="83"/>
      <c r="AX3" s="83"/>
      <c r="AY3" s="83"/>
      <c r="AZ3" s="83"/>
      <c r="BA3" s="83"/>
      <c r="BB3" s="83"/>
    </row>
    <row r="4" spans="1:54" ht="9" customHeight="1" x14ac:dyDescent="0.2">
      <c r="D4" s="77"/>
      <c r="E4" s="78"/>
      <c r="F4" s="78"/>
      <c r="G4" s="78"/>
      <c r="H4" s="78"/>
      <c r="I4" s="79"/>
      <c r="J4" s="77"/>
      <c r="K4" s="78"/>
      <c r="L4" s="78"/>
      <c r="M4" s="78"/>
      <c r="N4" s="78"/>
      <c r="O4" s="78"/>
      <c r="P4" s="77"/>
      <c r="Q4" s="78"/>
      <c r="R4" s="78"/>
      <c r="S4" s="78"/>
      <c r="T4" s="78"/>
      <c r="U4" s="79"/>
      <c r="V4" s="77"/>
      <c r="W4" s="78"/>
      <c r="X4" s="78"/>
      <c r="Y4" s="78"/>
      <c r="Z4" s="78"/>
      <c r="AA4" s="79"/>
      <c r="AB4" s="77"/>
      <c r="AC4" s="78"/>
      <c r="AD4" s="78"/>
      <c r="AE4" s="78"/>
      <c r="AF4" s="78"/>
      <c r="AG4" s="79"/>
      <c r="AH4" s="77"/>
      <c r="AI4" s="78"/>
      <c r="AJ4" s="78"/>
      <c r="AK4" s="78"/>
      <c r="AL4" s="78"/>
      <c r="AM4" s="79"/>
      <c r="AN4" s="77"/>
      <c r="AO4" s="78"/>
      <c r="AP4" s="78"/>
      <c r="AQ4" s="78"/>
      <c r="AR4" s="78"/>
      <c r="AS4" s="79"/>
      <c r="AT4" s="83"/>
      <c r="AU4" s="83"/>
      <c r="AV4" s="83"/>
      <c r="AW4" s="83"/>
      <c r="AX4" s="83"/>
      <c r="AY4" s="83"/>
      <c r="AZ4" s="83"/>
      <c r="BA4" s="83"/>
      <c r="BB4" s="83"/>
    </row>
    <row r="5" spans="1:54" ht="10" customHeight="1" x14ac:dyDescent="0.2">
      <c r="A5" s="90">
        <v>0.16666666666666666</v>
      </c>
      <c r="B5" s="91"/>
      <c r="C5" s="78"/>
      <c r="D5" s="80"/>
      <c r="E5" s="81"/>
      <c r="F5" s="81"/>
      <c r="G5" s="81"/>
      <c r="H5" s="81"/>
      <c r="I5" s="82"/>
      <c r="J5" s="80"/>
      <c r="K5" s="81"/>
      <c r="L5" s="81"/>
      <c r="M5" s="81"/>
      <c r="N5" s="81"/>
      <c r="O5" s="81"/>
      <c r="P5" s="80"/>
      <c r="Q5" s="81"/>
      <c r="R5" s="81"/>
      <c r="S5" s="81"/>
      <c r="T5" s="81"/>
      <c r="U5" s="82"/>
      <c r="V5" s="80"/>
      <c r="W5" s="81"/>
      <c r="X5" s="81"/>
      <c r="Y5" s="81"/>
      <c r="Z5" s="81"/>
      <c r="AA5" s="82"/>
      <c r="AB5" s="80"/>
      <c r="AC5" s="81"/>
      <c r="AD5" s="81"/>
      <c r="AE5" s="81"/>
      <c r="AF5" s="81"/>
      <c r="AG5" s="82"/>
      <c r="AH5" s="80"/>
      <c r="AI5" s="81"/>
      <c r="AJ5" s="81"/>
      <c r="AK5" s="81"/>
      <c r="AL5" s="81"/>
      <c r="AM5" s="82"/>
      <c r="AN5" s="80"/>
      <c r="AO5" s="81"/>
      <c r="AP5" s="81"/>
      <c r="AQ5" s="81"/>
      <c r="AR5" s="81"/>
      <c r="AS5" s="82"/>
      <c r="AT5" s="83"/>
      <c r="AU5" s="83"/>
      <c r="AV5" s="83"/>
      <c r="AW5" s="83"/>
      <c r="AX5" s="83"/>
      <c r="AY5" s="83"/>
      <c r="AZ5" s="83"/>
      <c r="BA5" s="83"/>
      <c r="BB5" s="83"/>
    </row>
    <row r="6" spans="1:54" ht="10" customHeight="1" x14ac:dyDescent="0.2">
      <c r="A6" s="91"/>
      <c r="B6" s="91"/>
      <c r="C6" s="78"/>
      <c r="D6" s="74"/>
      <c r="E6" s="75"/>
      <c r="F6" s="75"/>
      <c r="G6" s="75"/>
      <c r="H6" s="75"/>
      <c r="I6" s="85"/>
      <c r="J6" s="75"/>
      <c r="K6" s="75"/>
      <c r="L6" s="75"/>
      <c r="M6" s="75"/>
      <c r="N6" s="75"/>
      <c r="O6" s="85"/>
      <c r="P6" s="84"/>
      <c r="Q6" s="75"/>
      <c r="R6" s="75"/>
      <c r="S6" s="75"/>
      <c r="T6" s="75"/>
      <c r="U6" s="85"/>
      <c r="V6" s="84"/>
      <c r="W6" s="75"/>
      <c r="X6" s="75"/>
      <c r="Y6" s="75"/>
      <c r="Z6" s="75"/>
      <c r="AA6" s="85"/>
      <c r="AB6" s="84"/>
      <c r="AC6" s="75"/>
      <c r="AD6" s="75"/>
      <c r="AE6" s="75"/>
      <c r="AF6" s="75"/>
      <c r="AG6" s="85"/>
      <c r="AH6" s="84"/>
      <c r="AI6" s="75"/>
      <c r="AJ6" s="75"/>
      <c r="AK6" s="75"/>
      <c r="AL6" s="75"/>
      <c r="AM6" s="85"/>
      <c r="AN6" s="75"/>
      <c r="AO6" s="75"/>
      <c r="AP6" s="75"/>
      <c r="AQ6" s="75"/>
      <c r="AR6" s="75"/>
      <c r="AS6" s="75"/>
      <c r="AT6" s="89"/>
      <c r="AU6" s="89"/>
      <c r="AV6" s="89"/>
      <c r="AW6" s="89"/>
      <c r="AX6" s="89"/>
      <c r="AY6" s="89"/>
      <c r="AZ6" s="89"/>
      <c r="BA6" s="89"/>
      <c r="BB6" s="89"/>
    </row>
    <row r="7" spans="1:54" ht="10" customHeight="1" x14ac:dyDescent="0.2">
      <c r="A7" s="90">
        <v>0.20833333333333301</v>
      </c>
      <c r="B7" s="91"/>
      <c r="C7" s="78"/>
      <c r="D7" s="95"/>
      <c r="E7" s="87"/>
      <c r="F7" s="87"/>
      <c r="G7" s="87"/>
      <c r="H7" s="87"/>
      <c r="I7" s="88"/>
      <c r="J7" s="87"/>
      <c r="K7" s="87"/>
      <c r="L7" s="87"/>
      <c r="M7" s="87"/>
      <c r="N7" s="87"/>
      <c r="O7" s="88"/>
      <c r="P7" s="86"/>
      <c r="Q7" s="87"/>
      <c r="R7" s="87"/>
      <c r="S7" s="87"/>
      <c r="T7" s="87"/>
      <c r="U7" s="88"/>
      <c r="V7" s="86"/>
      <c r="W7" s="87"/>
      <c r="X7" s="87"/>
      <c r="Y7" s="87"/>
      <c r="Z7" s="87"/>
      <c r="AA7" s="88"/>
      <c r="AB7" s="86"/>
      <c r="AC7" s="87"/>
      <c r="AD7" s="87"/>
      <c r="AE7" s="87"/>
      <c r="AF7" s="87"/>
      <c r="AG7" s="88"/>
      <c r="AH7" s="86"/>
      <c r="AI7" s="87"/>
      <c r="AJ7" s="87"/>
      <c r="AK7" s="87"/>
      <c r="AL7" s="87"/>
      <c r="AM7" s="88"/>
      <c r="AN7" s="87"/>
      <c r="AO7" s="87"/>
      <c r="AP7" s="87"/>
      <c r="AQ7" s="87"/>
      <c r="AR7" s="87"/>
      <c r="AS7" s="87"/>
      <c r="AT7" s="89"/>
      <c r="AU7" s="89"/>
      <c r="AV7" s="89"/>
      <c r="AW7" s="89"/>
      <c r="AX7" s="89"/>
      <c r="AY7" s="89"/>
      <c r="AZ7" s="89"/>
      <c r="BA7" s="89"/>
      <c r="BB7" s="89"/>
    </row>
    <row r="8" spans="1:54" ht="10" customHeight="1" x14ac:dyDescent="0.2">
      <c r="A8" s="91"/>
      <c r="B8" s="91"/>
      <c r="C8" s="78"/>
      <c r="D8" s="92"/>
      <c r="E8" s="93"/>
      <c r="F8" s="93"/>
      <c r="G8" s="93"/>
      <c r="H8" s="93"/>
      <c r="I8" s="94"/>
      <c r="J8" s="93"/>
      <c r="K8" s="93"/>
      <c r="L8" s="93"/>
      <c r="M8" s="93"/>
      <c r="N8" s="93"/>
      <c r="O8" s="94"/>
      <c r="P8" s="96"/>
      <c r="Q8" s="93"/>
      <c r="R8" s="93"/>
      <c r="S8" s="93"/>
      <c r="T8" s="93"/>
      <c r="U8" s="94"/>
      <c r="V8" s="96"/>
      <c r="W8" s="93"/>
      <c r="X8" s="93"/>
      <c r="Y8" s="93"/>
      <c r="Z8" s="93"/>
      <c r="AA8" s="94"/>
      <c r="AB8" s="96"/>
      <c r="AC8" s="93"/>
      <c r="AD8" s="93"/>
      <c r="AE8" s="93"/>
      <c r="AF8" s="93"/>
      <c r="AG8" s="94"/>
      <c r="AH8" s="96"/>
      <c r="AI8" s="93"/>
      <c r="AJ8" s="93"/>
      <c r="AK8" s="93"/>
      <c r="AL8" s="93"/>
      <c r="AM8" s="94"/>
      <c r="AN8" s="93"/>
      <c r="AO8" s="93"/>
      <c r="AP8" s="93"/>
      <c r="AQ8" s="93"/>
      <c r="AR8" s="93"/>
      <c r="AS8" s="97"/>
      <c r="AT8" s="89"/>
      <c r="AU8" s="89"/>
      <c r="AV8" s="89"/>
      <c r="AW8" s="89"/>
      <c r="AX8" s="89"/>
      <c r="AY8" s="89"/>
      <c r="AZ8" s="89"/>
      <c r="BA8" s="89"/>
      <c r="BB8" s="89"/>
    </row>
    <row r="9" spans="1:54" ht="10" customHeight="1" x14ac:dyDescent="0.2">
      <c r="A9" s="90">
        <v>0.25</v>
      </c>
      <c r="B9" s="91"/>
      <c r="C9" s="78"/>
      <c r="D9" s="95"/>
      <c r="E9" s="87"/>
      <c r="F9" s="87"/>
      <c r="G9" s="87"/>
      <c r="H9" s="87"/>
      <c r="I9" s="88"/>
      <c r="J9" s="87"/>
      <c r="K9" s="87"/>
      <c r="L9" s="87"/>
      <c r="M9" s="87"/>
      <c r="N9" s="87"/>
      <c r="O9" s="88"/>
      <c r="P9" s="86"/>
      <c r="Q9" s="87"/>
      <c r="R9" s="87"/>
      <c r="S9" s="87"/>
      <c r="T9" s="87"/>
      <c r="U9" s="88"/>
      <c r="V9" s="86"/>
      <c r="W9" s="87"/>
      <c r="X9" s="87"/>
      <c r="Y9" s="87"/>
      <c r="Z9" s="87"/>
      <c r="AA9" s="88"/>
      <c r="AB9" s="86"/>
      <c r="AC9" s="87"/>
      <c r="AD9" s="87"/>
      <c r="AE9" s="87"/>
      <c r="AF9" s="87"/>
      <c r="AG9" s="88"/>
      <c r="AH9" s="86"/>
      <c r="AI9" s="87"/>
      <c r="AJ9" s="87"/>
      <c r="AK9" s="87"/>
      <c r="AL9" s="87"/>
      <c r="AM9" s="88"/>
      <c r="AN9" s="87"/>
      <c r="AO9" s="87"/>
      <c r="AP9" s="87"/>
      <c r="AQ9" s="87"/>
      <c r="AR9" s="87"/>
      <c r="AS9" s="98"/>
      <c r="AT9" s="89"/>
      <c r="AU9" s="89"/>
      <c r="AV9" s="89"/>
      <c r="AW9" s="89"/>
      <c r="AX9" s="89"/>
      <c r="AY9" s="89"/>
      <c r="AZ9" s="89"/>
      <c r="BA9" s="89"/>
      <c r="BB9" s="89"/>
    </row>
    <row r="10" spans="1:54" ht="10" customHeight="1" x14ac:dyDescent="0.2">
      <c r="A10" s="91"/>
      <c r="B10" s="91"/>
      <c r="C10" s="78"/>
      <c r="D10" s="92"/>
      <c r="E10" s="93"/>
      <c r="F10" s="93"/>
      <c r="G10" s="93"/>
      <c r="H10" s="93"/>
      <c r="I10" s="94"/>
      <c r="J10" s="93"/>
      <c r="K10" s="93"/>
      <c r="L10" s="93"/>
      <c r="M10" s="93"/>
      <c r="N10" s="93"/>
      <c r="O10" s="94"/>
      <c r="P10" s="96"/>
      <c r="Q10" s="93"/>
      <c r="R10" s="93"/>
      <c r="S10" s="93"/>
      <c r="T10" s="93"/>
      <c r="U10" s="94"/>
      <c r="V10" s="96"/>
      <c r="W10" s="93"/>
      <c r="X10" s="93"/>
      <c r="Y10" s="93"/>
      <c r="Z10" s="93"/>
      <c r="AA10" s="94"/>
      <c r="AB10" s="96"/>
      <c r="AC10" s="93"/>
      <c r="AD10" s="93"/>
      <c r="AE10" s="93"/>
      <c r="AF10" s="93"/>
      <c r="AG10" s="94"/>
      <c r="AH10" s="96"/>
      <c r="AI10" s="93"/>
      <c r="AJ10" s="93"/>
      <c r="AK10" s="93"/>
      <c r="AL10" s="93"/>
      <c r="AM10" s="94"/>
      <c r="AN10" s="93"/>
      <c r="AO10" s="93"/>
      <c r="AP10" s="93"/>
      <c r="AQ10" s="93"/>
      <c r="AR10" s="93"/>
      <c r="AS10" s="97"/>
      <c r="AT10" s="89"/>
      <c r="AU10" s="89"/>
      <c r="AV10" s="89"/>
      <c r="AW10" s="89"/>
      <c r="AX10" s="89"/>
      <c r="AY10" s="89"/>
      <c r="AZ10" s="89"/>
      <c r="BA10" s="89"/>
      <c r="BB10" s="89"/>
    </row>
    <row r="11" spans="1:54" ht="10" customHeight="1" x14ac:dyDescent="0.2">
      <c r="A11" s="90">
        <v>0.29166666666666702</v>
      </c>
      <c r="B11" s="91"/>
      <c r="C11" s="78"/>
      <c r="D11" s="95"/>
      <c r="E11" s="87"/>
      <c r="F11" s="87"/>
      <c r="G11" s="87"/>
      <c r="H11" s="87"/>
      <c r="I11" s="88"/>
      <c r="J11" s="87"/>
      <c r="K11" s="87"/>
      <c r="L11" s="87"/>
      <c r="M11" s="87"/>
      <c r="N11" s="87"/>
      <c r="O11" s="88"/>
      <c r="P11" s="86"/>
      <c r="Q11" s="87"/>
      <c r="R11" s="87"/>
      <c r="S11" s="87"/>
      <c r="T11" s="87"/>
      <c r="U11" s="88"/>
      <c r="V11" s="86"/>
      <c r="W11" s="87"/>
      <c r="X11" s="87"/>
      <c r="Y11" s="87"/>
      <c r="Z11" s="87"/>
      <c r="AA11" s="88"/>
      <c r="AB11" s="86"/>
      <c r="AC11" s="87"/>
      <c r="AD11" s="87"/>
      <c r="AE11" s="87"/>
      <c r="AF11" s="87"/>
      <c r="AG11" s="88"/>
      <c r="AH11" s="86"/>
      <c r="AI11" s="87"/>
      <c r="AJ11" s="87"/>
      <c r="AK11" s="87"/>
      <c r="AL11" s="87"/>
      <c r="AM11" s="88"/>
      <c r="AN11" s="87"/>
      <c r="AO11" s="87"/>
      <c r="AP11" s="87"/>
      <c r="AQ11" s="87"/>
      <c r="AR11" s="87"/>
      <c r="AS11" s="98"/>
      <c r="AT11" s="89"/>
      <c r="AU11" s="89"/>
      <c r="AV11" s="89"/>
      <c r="AW11" s="89"/>
      <c r="AX11" s="89"/>
      <c r="AY11" s="89"/>
      <c r="AZ11" s="89"/>
      <c r="BA11" s="89"/>
      <c r="BB11" s="89"/>
    </row>
    <row r="12" spans="1:54" ht="10" customHeight="1" x14ac:dyDescent="0.2">
      <c r="A12" s="91"/>
      <c r="B12" s="91"/>
      <c r="C12" s="78"/>
      <c r="D12" s="92"/>
      <c r="E12" s="93"/>
      <c r="F12" s="93"/>
      <c r="G12" s="93"/>
      <c r="H12" s="93"/>
      <c r="I12" s="94"/>
      <c r="J12" s="93"/>
      <c r="K12" s="93"/>
      <c r="L12" s="93"/>
      <c r="M12" s="93"/>
      <c r="N12" s="93"/>
      <c r="O12" s="94"/>
      <c r="P12" s="96"/>
      <c r="Q12" s="93"/>
      <c r="R12" s="93"/>
      <c r="S12" s="93"/>
      <c r="T12" s="93"/>
      <c r="U12" s="94"/>
      <c r="V12" s="96"/>
      <c r="W12" s="93"/>
      <c r="X12" s="93"/>
      <c r="Y12" s="93"/>
      <c r="Z12" s="93"/>
      <c r="AA12" s="94"/>
      <c r="AB12" s="96"/>
      <c r="AC12" s="93"/>
      <c r="AD12" s="93"/>
      <c r="AE12" s="93"/>
      <c r="AF12" s="93"/>
      <c r="AG12" s="94"/>
      <c r="AH12" s="96"/>
      <c r="AI12" s="93"/>
      <c r="AJ12" s="93"/>
      <c r="AK12" s="93"/>
      <c r="AL12" s="93"/>
      <c r="AM12" s="94"/>
      <c r="AN12" s="93"/>
      <c r="AO12" s="93"/>
      <c r="AP12" s="93"/>
      <c r="AQ12" s="93"/>
      <c r="AR12" s="93"/>
      <c r="AS12" s="97"/>
      <c r="AT12" s="89"/>
      <c r="AU12" s="89"/>
      <c r="AV12" s="89"/>
      <c r="AW12" s="89"/>
      <c r="AX12" s="89"/>
      <c r="AY12" s="89"/>
      <c r="AZ12" s="89"/>
      <c r="BA12" s="89"/>
      <c r="BB12" s="89"/>
    </row>
    <row r="13" spans="1:54" ht="10" customHeight="1" x14ac:dyDescent="0.2">
      <c r="A13" s="90">
        <v>0.33333333333333298</v>
      </c>
      <c r="B13" s="91"/>
      <c r="C13" s="78"/>
      <c r="D13" s="95"/>
      <c r="E13" s="87"/>
      <c r="F13" s="87"/>
      <c r="G13" s="87"/>
      <c r="H13" s="87"/>
      <c r="I13" s="88"/>
      <c r="J13" s="87"/>
      <c r="K13" s="87"/>
      <c r="L13" s="87"/>
      <c r="M13" s="87"/>
      <c r="N13" s="87"/>
      <c r="O13" s="88"/>
      <c r="P13" s="86"/>
      <c r="Q13" s="87"/>
      <c r="R13" s="87"/>
      <c r="S13" s="87"/>
      <c r="T13" s="87"/>
      <c r="U13" s="88"/>
      <c r="V13" s="86"/>
      <c r="W13" s="87"/>
      <c r="X13" s="87"/>
      <c r="Y13" s="87"/>
      <c r="Z13" s="87"/>
      <c r="AA13" s="88"/>
      <c r="AB13" s="86"/>
      <c r="AC13" s="87"/>
      <c r="AD13" s="87"/>
      <c r="AE13" s="87"/>
      <c r="AF13" s="87"/>
      <c r="AG13" s="88"/>
      <c r="AH13" s="86"/>
      <c r="AI13" s="87"/>
      <c r="AJ13" s="87"/>
      <c r="AK13" s="87"/>
      <c r="AL13" s="87"/>
      <c r="AM13" s="88"/>
      <c r="AN13" s="87"/>
      <c r="AO13" s="87"/>
      <c r="AP13" s="87"/>
      <c r="AQ13" s="87"/>
      <c r="AR13" s="87"/>
      <c r="AS13" s="98"/>
      <c r="AT13" s="89"/>
      <c r="AU13" s="89"/>
      <c r="AV13" s="89"/>
      <c r="AW13" s="89"/>
      <c r="AX13" s="89"/>
      <c r="AY13" s="89"/>
      <c r="AZ13" s="89"/>
      <c r="BA13" s="89"/>
      <c r="BB13" s="89"/>
    </row>
    <row r="14" spans="1:54" ht="10" customHeight="1" x14ac:dyDescent="0.2">
      <c r="A14" s="91"/>
      <c r="B14" s="91"/>
      <c r="C14" s="78"/>
      <c r="D14" s="92"/>
      <c r="E14" s="93"/>
      <c r="F14" s="93"/>
      <c r="G14" s="93"/>
      <c r="H14" s="93"/>
      <c r="I14" s="94"/>
      <c r="J14" s="93"/>
      <c r="K14" s="93"/>
      <c r="L14" s="93"/>
      <c r="M14" s="93"/>
      <c r="N14" s="93"/>
      <c r="O14" s="94"/>
      <c r="P14" s="96"/>
      <c r="Q14" s="93"/>
      <c r="R14" s="93"/>
      <c r="S14" s="93"/>
      <c r="T14" s="93"/>
      <c r="U14" s="94"/>
      <c r="V14" s="96"/>
      <c r="W14" s="93"/>
      <c r="X14" s="93"/>
      <c r="Y14" s="93"/>
      <c r="Z14" s="93"/>
      <c r="AA14" s="94"/>
      <c r="AB14" s="96"/>
      <c r="AC14" s="93"/>
      <c r="AD14" s="93"/>
      <c r="AE14" s="93"/>
      <c r="AF14" s="93"/>
      <c r="AG14" s="94"/>
      <c r="AH14" s="96"/>
      <c r="AI14" s="93"/>
      <c r="AJ14" s="93"/>
      <c r="AK14" s="93"/>
      <c r="AL14" s="93"/>
      <c r="AM14" s="94"/>
      <c r="AN14" s="93"/>
      <c r="AO14" s="93"/>
      <c r="AP14" s="93"/>
      <c r="AQ14" s="93"/>
      <c r="AR14" s="93"/>
      <c r="AS14" s="97"/>
      <c r="AT14" s="89"/>
      <c r="AU14" s="89"/>
      <c r="AV14" s="89"/>
      <c r="AW14" s="89"/>
      <c r="AX14" s="89"/>
      <c r="AY14" s="89"/>
      <c r="AZ14" s="89"/>
      <c r="BA14" s="89"/>
      <c r="BB14" s="89"/>
    </row>
    <row r="15" spans="1:54" ht="10" customHeight="1" x14ac:dyDescent="0.2">
      <c r="A15" s="90">
        <v>0.375</v>
      </c>
      <c r="B15" s="91"/>
      <c r="C15" s="78"/>
      <c r="D15" s="95"/>
      <c r="E15" s="87"/>
      <c r="F15" s="87"/>
      <c r="G15" s="87"/>
      <c r="H15" s="87"/>
      <c r="I15" s="88"/>
      <c r="J15" s="87"/>
      <c r="K15" s="87"/>
      <c r="L15" s="87"/>
      <c r="M15" s="87"/>
      <c r="N15" s="87"/>
      <c r="O15" s="88"/>
      <c r="P15" s="86"/>
      <c r="Q15" s="87"/>
      <c r="R15" s="87"/>
      <c r="S15" s="87"/>
      <c r="T15" s="87"/>
      <c r="U15" s="88"/>
      <c r="V15" s="86"/>
      <c r="W15" s="87"/>
      <c r="X15" s="87"/>
      <c r="Y15" s="87"/>
      <c r="Z15" s="87"/>
      <c r="AA15" s="88"/>
      <c r="AB15" s="86"/>
      <c r="AC15" s="87"/>
      <c r="AD15" s="87"/>
      <c r="AE15" s="87"/>
      <c r="AF15" s="87"/>
      <c r="AG15" s="88"/>
      <c r="AH15" s="86"/>
      <c r="AI15" s="87"/>
      <c r="AJ15" s="87"/>
      <c r="AK15" s="87"/>
      <c r="AL15" s="87"/>
      <c r="AM15" s="88"/>
      <c r="AN15" s="87"/>
      <c r="AO15" s="87"/>
      <c r="AP15" s="87"/>
      <c r="AQ15" s="87"/>
      <c r="AR15" s="87"/>
      <c r="AS15" s="98"/>
      <c r="AT15" s="89"/>
      <c r="AU15" s="89"/>
      <c r="AV15" s="89"/>
      <c r="AW15" s="89"/>
      <c r="AX15" s="89"/>
      <c r="AY15" s="89"/>
      <c r="AZ15" s="89"/>
      <c r="BA15" s="89"/>
      <c r="BB15" s="89"/>
    </row>
    <row r="16" spans="1:54" ht="10" customHeight="1" x14ac:dyDescent="0.2">
      <c r="A16" s="91"/>
      <c r="B16" s="91"/>
      <c r="C16" s="78"/>
      <c r="D16" s="92"/>
      <c r="E16" s="93"/>
      <c r="F16" s="93"/>
      <c r="G16" s="93"/>
      <c r="H16" s="93"/>
      <c r="I16" s="94"/>
      <c r="J16" s="93"/>
      <c r="K16" s="93"/>
      <c r="L16" s="93"/>
      <c r="M16" s="93"/>
      <c r="N16" s="93"/>
      <c r="O16" s="94"/>
      <c r="P16" s="96"/>
      <c r="Q16" s="93"/>
      <c r="R16" s="93"/>
      <c r="S16" s="93"/>
      <c r="T16" s="93"/>
      <c r="U16" s="94"/>
      <c r="V16" s="96"/>
      <c r="W16" s="93"/>
      <c r="X16" s="93"/>
      <c r="Y16" s="93"/>
      <c r="Z16" s="93"/>
      <c r="AA16" s="94"/>
      <c r="AB16" s="96"/>
      <c r="AC16" s="93"/>
      <c r="AD16" s="93"/>
      <c r="AE16" s="93"/>
      <c r="AF16" s="93"/>
      <c r="AG16" s="94"/>
      <c r="AH16" s="96"/>
      <c r="AI16" s="93"/>
      <c r="AJ16" s="93"/>
      <c r="AK16" s="93"/>
      <c r="AL16" s="93"/>
      <c r="AM16" s="94"/>
      <c r="AN16" s="93"/>
      <c r="AO16" s="93"/>
      <c r="AP16" s="93"/>
      <c r="AQ16" s="93"/>
      <c r="AR16" s="93"/>
      <c r="AS16" s="97"/>
      <c r="AT16" s="89"/>
      <c r="AU16" s="89"/>
      <c r="AV16" s="89"/>
      <c r="AW16" s="89"/>
      <c r="AX16" s="89"/>
      <c r="AY16" s="89"/>
      <c r="AZ16" s="89"/>
      <c r="BA16" s="89"/>
      <c r="BB16" s="89"/>
    </row>
    <row r="17" spans="1:54" ht="10" customHeight="1" x14ac:dyDescent="0.2">
      <c r="A17" s="90">
        <v>0.41666666666666702</v>
      </c>
      <c r="B17" s="91"/>
      <c r="C17" s="78"/>
      <c r="D17" s="95"/>
      <c r="E17" s="87"/>
      <c r="F17" s="87"/>
      <c r="G17" s="87"/>
      <c r="H17" s="87"/>
      <c r="I17" s="88"/>
      <c r="J17" s="87"/>
      <c r="K17" s="87"/>
      <c r="L17" s="87"/>
      <c r="M17" s="87"/>
      <c r="N17" s="87"/>
      <c r="O17" s="88"/>
      <c r="P17" s="86"/>
      <c r="Q17" s="87"/>
      <c r="R17" s="87"/>
      <c r="S17" s="87"/>
      <c r="T17" s="87"/>
      <c r="U17" s="88"/>
      <c r="V17" s="86"/>
      <c r="W17" s="87"/>
      <c r="X17" s="87"/>
      <c r="Y17" s="87"/>
      <c r="Z17" s="87"/>
      <c r="AA17" s="88"/>
      <c r="AB17" s="86"/>
      <c r="AC17" s="87"/>
      <c r="AD17" s="87"/>
      <c r="AE17" s="87"/>
      <c r="AF17" s="87"/>
      <c r="AG17" s="88"/>
      <c r="AH17" s="86"/>
      <c r="AI17" s="87"/>
      <c r="AJ17" s="87"/>
      <c r="AK17" s="87"/>
      <c r="AL17" s="87"/>
      <c r="AM17" s="88"/>
      <c r="AN17" s="87"/>
      <c r="AO17" s="87"/>
      <c r="AP17" s="87"/>
      <c r="AQ17" s="87"/>
      <c r="AR17" s="87"/>
      <c r="AS17" s="98"/>
      <c r="AT17" s="89"/>
      <c r="AU17" s="89"/>
      <c r="AV17" s="89"/>
      <c r="AW17" s="89"/>
      <c r="AX17" s="89"/>
      <c r="AY17" s="89"/>
      <c r="AZ17" s="89"/>
      <c r="BA17" s="89"/>
      <c r="BB17" s="89"/>
    </row>
    <row r="18" spans="1:54" ht="10" customHeight="1" x14ac:dyDescent="0.2">
      <c r="A18" s="91"/>
      <c r="B18" s="91"/>
      <c r="C18" s="78"/>
      <c r="D18" s="92"/>
      <c r="E18" s="93"/>
      <c r="F18" s="93"/>
      <c r="G18" s="93"/>
      <c r="H18" s="93"/>
      <c r="I18" s="94"/>
      <c r="J18" s="93"/>
      <c r="K18" s="93"/>
      <c r="L18" s="93"/>
      <c r="M18" s="93"/>
      <c r="N18" s="93"/>
      <c r="O18" s="94"/>
      <c r="P18" s="96"/>
      <c r="Q18" s="93"/>
      <c r="R18" s="93"/>
      <c r="S18" s="93"/>
      <c r="T18" s="93"/>
      <c r="U18" s="94"/>
      <c r="V18" s="96"/>
      <c r="W18" s="93"/>
      <c r="X18" s="93"/>
      <c r="Y18" s="93"/>
      <c r="Z18" s="93"/>
      <c r="AA18" s="94"/>
      <c r="AB18" s="96"/>
      <c r="AC18" s="93"/>
      <c r="AD18" s="93"/>
      <c r="AE18" s="93"/>
      <c r="AF18" s="93"/>
      <c r="AG18" s="94"/>
      <c r="AH18" s="96"/>
      <c r="AI18" s="93"/>
      <c r="AJ18" s="93"/>
      <c r="AK18" s="93"/>
      <c r="AL18" s="93"/>
      <c r="AM18" s="94"/>
      <c r="AN18" s="93"/>
      <c r="AO18" s="93"/>
      <c r="AP18" s="93"/>
      <c r="AQ18" s="93"/>
      <c r="AR18" s="93"/>
      <c r="AS18" s="97"/>
      <c r="AT18" s="89"/>
      <c r="AU18" s="89"/>
      <c r="AV18" s="89"/>
      <c r="AW18" s="89"/>
      <c r="AX18" s="89"/>
      <c r="AY18" s="89"/>
      <c r="AZ18" s="89"/>
      <c r="BA18" s="89"/>
      <c r="BB18" s="89"/>
    </row>
    <row r="19" spans="1:54" ht="10" customHeight="1" x14ac:dyDescent="0.2">
      <c r="A19" s="90">
        <v>0.45833333333333298</v>
      </c>
      <c r="B19" s="91"/>
      <c r="C19" s="78"/>
      <c r="D19" s="95"/>
      <c r="E19" s="87"/>
      <c r="F19" s="87"/>
      <c r="G19" s="87"/>
      <c r="H19" s="87"/>
      <c r="I19" s="88"/>
      <c r="J19" s="87"/>
      <c r="K19" s="87"/>
      <c r="L19" s="87"/>
      <c r="M19" s="87"/>
      <c r="N19" s="87"/>
      <c r="O19" s="88"/>
      <c r="P19" s="86"/>
      <c r="Q19" s="87"/>
      <c r="R19" s="87"/>
      <c r="S19" s="87"/>
      <c r="T19" s="87"/>
      <c r="U19" s="88"/>
      <c r="V19" s="86"/>
      <c r="W19" s="87"/>
      <c r="X19" s="87"/>
      <c r="Y19" s="87"/>
      <c r="Z19" s="87"/>
      <c r="AA19" s="88"/>
      <c r="AB19" s="86"/>
      <c r="AC19" s="87"/>
      <c r="AD19" s="87"/>
      <c r="AE19" s="87"/>
      <c r="AF19" s="87"/>
      <c r="AG19" s="88"/>
      <c r="AH19" s="86"/>
      <c r="AI19" s="87"/>
      <c r="AJ19" s="87"/>
      <c r="AK19" s="87"/>
      <c r="AL19" s="87"/>
      <c r="AM19" s="88"/>
      <c r="AN19" s="87"/>
      <c r="AO19" s="87"/>
      <c r="AP19" s="87"/>
      <c r="AQ19" s="87"/>
      <c r="AR19" s="87"/>
      <c r="AS19" s="98"/>
      <c r="AT19" s="89"/>
      <c r="AU19" s="89"/>
      <c r="AV19" s="89"/>
      <c r="AW19" s="89"/>
      <c r="AX19" s="89"/>
      <c r="AY19" s="89"/>
      <c r="AZ19" s="89"/>
      <c r="BA19" s="89"/>
      <c r="BB19" s="89"/>
    </row>
    <row r="20" spans="1:54" ht="10" customHeight="1" x14ac:dyDescent="0.2">
      <c r="A20" s="91"/>
      <c r="B20" s="91"/>
      <c r="C20" s="78"/>
      <c r="D20" s="92"/>
      <c r="E20" s="93"/>
      <c r="F20" s="93"/>
      <c r="G20" s="93"/>
      <c r="H20" s="93"/>
      <c r="I20" s="94"/>
      <c r="J20" s="93"/>
      <c r="K20" s="93"/>
      <c r="L20" s="93"/>
      <c r="M20" s="93"/>
      <c r="N20" s="93"/>
      <c r="O20" s="94"/>
      <c r="P20" s="96"/>
      <c r="Q20" s="93"/>
      <c r="R20" s="93"/>
      <c r="S20" s="93"/>
      <c r="T20" s="93"/>
      <c r="U20" s="94"/>
      <c r="V20" s="96"/>
      <c r="W20" s="93"/>
      <c r="X20" s="93"/>
      <c r="Y20" s="93"/>
      <c r="Z20" s="93"/>
      <c r="AA20" s="94"/>
      <c r="AB20" s="96"/>
      <c r="AC20" s="93"/>
      <c r="AD20" s="93"/>
      <c r="AE20" s="93"/>
      <c r="AF20" s="93"/>
      <c r="AG20" s="94"/>
      <c r="AH20" s="96"/>
      <c r="AI20" s="93"/>
      <c r="AJ20" s="93"/>
      <c r="AK20" s="93"/>
      <c r="AL20" s="93"/>
      <c r="AM20" s="94"/>
      <c r="AN20" s="93"/>
      <c r="AO20" s="93"/>
      <c r="AP20" s="93"/>
      <c r="AQ20" s="93"/>
      <c r="AR20" s="93"/>
      <c r="AS20" s="97"/>
      <c r="AT20" s="89"/>
      <c r="AU20" s="89"/>
      <c r="AV20" s="89"/>
      <c r="AW20" s="89"/>
      <c r="AX20" s="89"/>
      <c r="AY20" s="89"/>
      <c r="AZ20" s="89"/>
      <c r="BA20" s="89"/>
      <c r="BB20" s="89"/>
    </row>
    <row r="21" spans="1:54" ht="10" customHeight="1" x14ac:dyDescent="0.2">
      <c r="A21" s="90">
        <v>0.5</v>
      </c>
      <c r="B21" s="91"/>
      <c r="C21" s="78"/>
      <c r="D21" s="95"/>
      <c r="E21" s="87"/>
      <c r="F21" s="87"/>
      <c r="G21" s="87"/>
      <c r="H21" s="87"/>
      <c r="I21" s="88"/>
      <c r="J21" s="87"/>
      <c r="K21" s="87"/>
      <c r="L21" s="87"/>
      <c r="M21" s="87"/>
      <c r="N21" s="87"/>
      <c r="O21" s="88"/>
      <c r="P21" s="86"/>
      <c r="Q21" s="87"/>
      <c r="R21" s="87"/>
      <c r="S21" s="87"/>
      <c r="T21" s="87"/>
      <c r="U21" s="88"/>
      <c r="V21" s="86"/>
      <c r="W21" s="87"/>
      <c r="X21" s="87"/>
      <c r="Y21" s="87"/>
      <c r="Z21" s="87"/>
      <c r="AA21" s="88"/>
      <c r="AB21" s="86"/>
      <c r="AC21" s="87"/>
      <c r="AD21" s="87"/>
      <c r="AE21" s="87"/>
      <c r="AF21" s="87"/>
      <c r="AG21" s="88"/>
      <c r="AH21" s="86"/>
      <c r="AI21" s="87"/>
      <c r="AJ21" s="87"/>
      <c r="AK21" s="87"/>
      <c r="AL21" s="87"/>
      <c r="AM21" s="88"/>
      <c r="AN21" s="87"/>
      <c r="AO21" s="87"/>
      <c r="AP21" s="87"/>
      <c r="AQ21" s="87"/>
      <c r="AR21" s="87"/>
      <c r="AS21" s="98"/>
      <c r="AT21" s="89"/>
      <c r="AU21" s="89"/>
      <c r="AV21" s="89"/>
      <c r="AW21" s="89"/>
      <c r="AX21" s="89"/>
      <c r="AY21" s="89"/>
      <c r="AZ21" s="89"/>
      <c r="BA21" s="89"/>
      <c r="BB21" s="89"/>
    </row>
    <row r="22" spans="1:54" ht="10" customHeight="1" x14ac:dyDescent="0.2">
      <c r="A22" s="91"/>
      <c r="B22" s="91"/>
      <c r="C22" s="78"/>
      <c r="D22" s="92"/>
      <c r="E22" s="93"/>
      <c r="F22" s="93"/>
      <c r="G22" s="93"/>
      <c r="H22" s="93"/>
      <c r="I22" s="94"/>
      <c r="J22" s="93"/>
      <c r="K22" s="93"/>
      <c r="L22" s="93"/>
      <c r="M22" s="93"/>
      <c r="N22" s="93"/>
      <c r="O22" s="94"/>
      <c r="P22" s="96"/>
      <c r="Q22" s="93"/>
      <c r="R22" s="93"/>
      <c r="S22" s="93"/>
      <c r="T22" s="93"/>
      <c r="U22" s="94"/>
      <c r="V22" s="96"/>
      <c r="W22" s="93"/>
      <c r="X22" s="93"/>
      <c r="Y22" s="93"/>
      <c r="Z22" s="93"/>
      <c r="AA22" s="94"/>
      <c r="AB22" s="96"/>
      <c r="AC22" s="93"/>
      <c r="AD22" s="93"/>
      <c r="AE22" s="93"/>
      <c r="AF22" s="93"/>
      <c r="AG22" s="94"/>
      <c r="AH22" s="96"/>
      <c r="AI22" s="93"/>
      <c r="AJ22" s="93"/>
      <c r="AK22" s="93"/>
      <c r="AL22" s="93"/>
      <c r="AM22" s="94"/>
      <c r="AN22" s="93"/>
      <c r="AO22" s="93"/>
      <c r="AP22" s="93"/>
      <c r="AQ22" s="93"/>
      <c r="AR22" s="93"/>
      <c r="AS22" s="97"/>
      <c r="AT22" s="89"/>
      <c r="AU22" s="89"/>
      <c r="AV22" s="89"/>
      <c r="AW22" s="89"/>
      <c r="AX22" s="89"/>
      <c r="AY22" s="89"/>
      <c r="AZ22" s="89"/>
      <c r="BA22" s="89"/>
      <c r="BB22" s="89"/>
    </row>
    <row r="23" spans="1:54" ht="10" customHeight="1" x14ac:dyDescent="0.2">
      <c r="A23" s="90">
        <v>0.54166666666666696</v>
      </c>
      <c r="B23" s="91"/>
      <c r="C23" s="78"/>
      <c r="D23" s="95"/>
      <c r="E23" s="87"/>
      <c r="F23" s="87"/>
      <c r="G23" s="87"/>
      <c r="H23" s="87"/>
      <c r="I23" s="88"/>
      <c r="J23" s="87"/>
      <c r="K23" s="87"/>
      <c r="L23" s="87"/>
      <c r="M23" s="87"/>
      <c r="N23" s="87"/>
      <c r="O23" s="88"/>
      <c r="P23" s="86"/>
      <c r="Q23" s="87"/>
      <c r="R23" s="87"/>
      <c r="S23" s="87"/>
      <c r="T23" s="87"/>
      <c r="U23" s="88"/>
      <c r="V23" s="86"/>
      <c r="W23" s="87"/>
      <c r="X23" s="87"/>
      <c r="Y23" s="87"/>
      <c r="Z23" s="87"/>
      <c r="AA23" s="88"/>
      <c r="AB23" s="86"/>
      <c r="AC23" s="87"/>
      <c r="AD23" s="87"/>
      <c r="AE23" s="87"/>
      <c r="AF23" s="87"/>
      <c r="AG23" s="88"/>
      <c r="AH23" s="86"/>
      <c r="AI23" s="87"/>
      <c r="AJ23" s="87"/>
      <c r="AK23" s="87"/>
      <c r="AL23" s="87"/>
      <c r="AM23" s="88"/>
      <c r="AN23" s="87"/>
      <c r="AO23" s="87"/>
      <c r="AP23" s="87"/>
      <c r="AQ23" s="87"/>
      <c r="AR23" s="87"/>
      <c r="AS23" s="98"/>
      <c r="AT23" s="89"/>
      <c r="AU23" s="89"/>
      <c r="AV23" s="89"/>
      <c r="AW23" s="89"/>
      <c r="AX23" s="89"/>
      <c r="AY23" s="89"/>
      <c r="AZ23" s="89"/>
      <c r="BA23" s="89"/>
      <c r="BB23" s="89"/>
    </row>
    <row r="24" spans="1:54" ht="10" customHeight="1" x14ac:dyDescent="0.2">
      <c r="A24" s="91"/>
      <c r="B24" s="91"/>
      <c r="C24" s="78"/>
      <c r="D24" s="92"/>
      <c r="E24" s="93"/>
      <c r="F24" s="93"/>
      <c r="G24" s="93"/>
      <c r="H24" s="93"/>
      <c r="I24" s="94"/>
      <c r="J24" s="93"/>
      <c r="K24" s="93"/>
      <c r="L24" s="93"/>
      <c r="M24" s="93"/>
      <c r="N24" s="93"/>
      <c r="O24" s="94"/>
      <c r="P24" s="96"/>
      <c r="Q24" s="93"/>
      <c r="R24" s="93"/>
      <c r="S24" s="93"/>
      <c r="T24" s="93"/>
      <c r="U24" s="94"/>
      <c r="V24" s="96"/>
      <c r="W24" s="93"/>
      <c r="X24" s="93"/>
      <c r="Y24" s="93"/>
      <c r="Z24" s="93"/>
      <c r="AA24" s="94"/>
      <c r="AB24" s="96"/>
      <c r="AC24" s="93"/>
      <c r="AD24" s="93"/>
      <c r="AE24" s="93"/>
      <c r="AF24" s="93"/>
      <c r="AG24" s="94"/>
      <c r="AH24" s="96"/>
      <c r="AI24" s="93"/>
      <c r="AJ24" s="93"/>
      <c r="AK24" s="93"/>
      <c r="AL24" s="93"/>
      <c r="AM24" s="94"/>
      <c r="AN24" s="93"/>
      <c r="AO24" s="93"/>
      <c r="AP24" s="93"/>
      <c r="AQ24" s="93"/>
      <c r="AR24" s="93"/>
      <c r="AS24" s="97"/>
      <c r="AT24" s="89"/>
      <c r="AU24" s="89"/>
      <c r="AV24" s="89"/>
      <c r="AW24" s="89"/>
      <c r="AX24" s="89"/>
      <c r="AY24" s="89"/>
      <c r="AZ24" s="89"/>
      <c r="BA24" s="89"/>
      <c r="BB24" s="89"/>
    </row>
    <row r="25" spans="1:54" ht="10" customHeight="1" x14ac:dyDescent="0.2">
      <c r="A25" s="90">
        <v>0.58333333333333304</v>
      </c>
      <c r="B25" s="91"/>
      <c r="C25" s="78"/>
      <c r="D25" s="95"/>
      <c r="E25" s="87"/>
      <c r="F25" s="87"/>
      <c r="G25" s="87"/>
      <c r="H25" s="87"/>
      <c r="I25" s="88"/>
      <c r="J25" s="87"/>
      <c r="K25" s="87"/>
      <c r="L25" s="87"/>
      <c r="M25" s="87"/>
      <c r="N25" s="87"/>
      <c r="O25" s="88"/>
      <c r="P25" s="86"/>
      <c r="Q25" s="87"/>
      <c r="R25" s="87"/>
      <c r="S25" s="87"/>
      <c r="T25" s="87"/>
      <c r="U25" s="88"/>
      <c r="V25" s="86"/>
      <c r="W25" s="87"/>
      <c r="X25" s="87"/>
      <c r="Y25" s="87"/>
      <c r="Z25" s="87"/>
      <c r="AA25" s="88"/>
      <c r="AB25" s="86"/>
      <c r="AC25" s="87"/>
      <c r="AD25" s="87"/>
      <c r="AE25" s="87"/>
      <c r="AF25" s="87"/>
      <c r="AG25" s="88"/>
      <c r="AH25" s="86"/>
      <c r="AI25" s="87"/>
      <c r="AJ25" s="87"/>
      <c r="AK25" s="87"/>
      <c r="AL25" s="87"/>
      <c r="AM25" s="88"/>
      <c r="AN25" s="87"/>
      <c r="AO25" s="87"/>
      <c r="AP25" s="87"/>
      <c r="AQ25" s="87"/>
      <c r="AR25" s="87"/>
      <c r="AS25" s="98"/>
      <c r="AT25" s="89"/>
      <c r="AU25" s="89"/>
      <c r="AV25" s="89"/>
      <c r="AW25" s="89"/>
      <c r="AX25" s="89"/>
      <c r="AY25" s="89"/>
      <c r="AZ25" s="89"/>
      <c r="BA25" s="89"/>
      <c r="BB25" s="89"/>
    </row>
    <row r="26" spans="1:54" ht="11.25" customHeight="1" x14ac:dyDescent="0.2">
      <c r="A26" s="91"/>
      <c r="B26" s="91"/>
      <c r="C26" s="78"/>
      <c r="D26" s="92"/>
      <c r="E26" s="93"/>
      <c r="F26" s="93"/>
      <c r="G26" s="93"/>
      <c r="H26" s="93"/>
      <c r="I26" s="94"/>
      <c r="J26" s="93"/>
      <c r="K26" s="93"/>
      <c r="L26" s="93"/>
      <c r="M26" s="93"/>
      <c r="N26" s="93"/>
      <c r="O26" s="94"/>
      <c r="P26" s="96"/>
      <c r="Q26" s="93"/>
      <c r="R26" s="93"/>
      <c r="S26" s="93"/>
      <c r="T26" s="93"/>
      <c r="U26" s="94"/>
      <c r="V26" s="96"/>
      <c r="W26" s="93"/>
      <c r="X26" s="93"/>
      <c r="Y26" s="93"/>
      <c r="Z26" s="93"/>
      <c r="AA26" s="94"/>
      <c r="AB26" s="96"/>
      <c r="AC26" s="93"/>
      <c r="AD26" s="93"/>
      <c r="AE26" s="93"/>
      <c r="AF26" s="93"/>
      <c r="AG26" s="94"/>
      <c r="AH26" s="96"/>
      <c r="AI26" s="93"/>
      <c r="AJ26" s="93"/>
      <c r="AK26" s="93"/>
      <c r="AL26" s="93"/>
      <c r="AM26" s="94"/>
      <c r="AN26" s="93"/>
      <c r="AO26" s="93"/>
      <c r="AP26" s="93"/>
      <c r="AQ26" s="93"/>
      <c r="AR26" s="93"/>
      <c r="AS26" s="97"/>
      <c r="AT26" s="89"/>
      <c r="AU26" s="89"/>
      <c r="AV26" s="89"/>
      <c r="AW26" s="89"/>
      <c r="AX26" s="89"/>
      <c r="AY26" s="89"/>
      <c r="AZ26" s="89"/>
      <c r="BA26" s="89"/>
      <c r="BB26" s="89"/>
    </row>
    <row r="27" spans="1:54" ht="10" customHeight="1" x14ac:dyDescent="0.2">
      <c r="A27" s="90">
        <v>0.625</v>
      </c>
      <c r="B27" s="91"/>
      <c r="C27" s="78"/>
      <c r="D27" s="95"/>
      <c r="E27" s="87"/>
      <c r="F27" s="87"/>
      <c r="G27" s="87"/>
      <c r="H27" s="87"/>
      <c r="I27" s="88"/>
      <c r="J27" s="87"/>
      <c r="K27" s="87"/>
      <c r="L27" s="87"/>
      <c r="M27" s="87"/>
      <c r="N27" s="87"/>
      <c r="O27" s="88"/>
      <c r="P27" s="86"/>
      <c r="Q27" s="87"/>
      <c r="R27" s="87"/>
      <c r="S27" s="87"/>
      <c r="T27" s="87"/>
      <c r="U27" s="88"/>
      <c r="V27" s="86"/>
      <c r="W27" s="87"/>
      <c r="X27" s="87"/>
      <c r="Y27" s="87"/>
      <c r="Z27" s="87"/>
      <c r="AA27" s="88"/>
      <c r="AB27" s="86"/>
      <c r="AC27" s="87"/>
      <c r="AD27" s="87"/>
      <c r="AE27" s="87"/>
      <c r="AF27" s="87"/>
      <c r="AG27" s="88"/>
      <c r="AH27" s="86"/>
      <c r="AI27" s="87"/>
      <c r="AJ27" s="87"/>
      <c r="AK27" s="87"/>
      <c r="AL27" s="87"/>
      <c r="AM27" s="88"/>
      <c r="AN27" s="87"/>
      <c r="AO27" s="87"/>
      <c r="AP27" s="87"/>
      <c r="AQ27" s="87"/>
      <c r="AR27" s="87"/>
      <c r="AS27" s="98"/>
      <c r="AT27" s="89"/>
      <c r="AU27" s="89"/>
      <c r="AV27" s="89"/>
      <c r="AW27" s="89"/>
      <c r="AX27" s="89"/>
      <c r="AY27" s="89"/>
      <c r="AZ27" s="89"/>
      <c r="BA27" s="89"/>
      <c r="BB27" s="89"/>
    </row>
    <row r="28" spans="1:54" ht="10" customHeight="1" x14ac:dyDescent="0.2">
      <c r="A28" s="91"/>
      <c r="B28" s="91"/>
      <c r="C28" s="78"/>
      <c r="D28" s="92"/>
      <c r="E28" s="93"/>
      <c r="F28" s="93"/>
      <c r="G28" s="93"/>
      <c r="H28" s="93"/>
      <c r="I28" s="94"/>
      <c r="J28" s="93"/>
      <c r="K28" s="93"/>
      <c r="L28" s="93"/>
      <c r="M28" s="93"/>
      <c r="N28" s="93"/>
      <c r="O28" s="94"/>
      <c r="P28" s="96"/>
      <c r="Q28" s="93"/>
      <c r="R28" s="93"/>
      <c r="S28" s="93"/>
      <c r="T28" s="93"/>
      <c r="U28" s="94"/>
      <c r="V28" s="96"/>
      <c r="W28" s="93"/>
      <c r="X28" s="93"/>
      <c r="Y28" s="93"/>
      <c r="Z28" s="93"/>
      <c r="AA28" s="94"/>
      <c r="AB28" s="96"/>
      <c r="AC28" s="93"/>
      <c r="AD28" s="93"/>
      <c r="AE28" s="93"/>
      <c r="AF28" s="93"/>
      <c r="AG28" s="94"/>
      <c r="AH28" s="96"/>
      <c r="AI28" s="93"/>
      <c r="AJ28" s="93"/>
      <c r="AK28" s="93"/>
      <c r="AL28" s="93"/>
      <c r="AM28" s="94"/>
      <c r="AN28" s="93"/>
      <c r="AO28" s="93"/>
      <c r="AP28" s="93"/>
      <c r="AQ28" s="93"/>
      <c r="AR28" s="93"/>
      <c r="AS28" s="97"/>
      <c r="AT28" s="89"/>
      <c r="AU28" s="89"/>
      <c r="AV28" s="89"/>
      <c r="AW28" s="89"/>
      <c r="AX28" s="89"/>
      <c r="AY28" s="89"/>
      <c r="AZ28" s="89"/>
      <c r="BA28" s="89"/>
      <c r="BB28" s="89"/>
    </row>
    <row r="29" spans="1:54" ht="10" customHeight="1" x14ac:dyDescent="0.2">
      <c r="A29" s="90">
        <v>0.66666666666666696</v>
      </c>
      <c r="B29" s="91"/>
      <c r="C29" s="78"/>
      <c r="D29" s="95"/>
      <c r="E29" s="87"/>
      <c r="F29" s="87"/>
      <c r="G29" s="87"/>
      <c r="H29" s="87"/>
      <c r="I29" s="88"/>
      <c r="J29" s="87"/>
      <c r="K29" s="87"/>
      <c r="L29" s="87"/>
      <c r="M29" s="87"/>
      <c r="N29" s="87"/>
      <c r="O29" s="88"/>
      <c r="P29" s="86"/>
      <c r="Q29" s="87"/>
      <c r="R29" s="87"/>
      <c r="S29" s="87"/>
      <c r="T29" s="87"/>
      <c r="U29" s="88"/>
      <c r="V29" s="86"/>
      <c r="W29" s="87"/>
      <c r="X29" s="87"/>
      <c r="Y29" s="87"/>
      <c r="Z29" s="87"/>
      <c r="AA29" s="88"/>
      <c r="AB29" s="86"/>
      <c r="AC29" s="87"/>
      <c r="AD29" s="87"/>
      <c r="AE29" s="87"/>
      <c r="AF29" s="87"/>
      <c r="AG29" s="88"/>
      <c r="AH29" s="86"/>
      <c r="AI29" s="87"/>
      <c r="AJ29" s="87"/>
      <c r="AK29" s="87"/>
      <c r="AL29" s="87"/>
      <c r="AM29" s="88"/>
      <c r="AN29" s="87"/>
      <c r="AO29" s="87"/>
      <c r="AP29" s="87"/>
      <c r="AQ29" s="87"/>
      <c r="AR29" s="87"/>
      <c r="AS29" s="98"/>
      <c r="AT29" s="89"/>
      <c r="AU29" s="89"/>
      <c r="AV29" s="89"/>
      <c r="AW29" s="89"/>
      <c r="AX29" s="89"/>
      <c r="AY29" s="89"/>
      <c r="AZ29" s="89"/>
      <c r="BA29" s="89"/>
      <c r="BB29" s="89"/>
    </row>
    <row r="30" spans="1:54" ht="10" customHeight="1" x14ac:dyDescent="0.2">
      <c r="A30" s="91"/>
      <c r="B30" s="91"/>
      <c r="C30" s="78"/>
      <c r="D30" s="92"/>
      <c r="E30" s="93"/>
      <c r="F30" s="93"/>
      <c r="G30" s="93"/>
      <c r="H30" s="93"/>
      <c r="I30" s="94"/>
      <c r="J30" s="93"/>
      <c r="K30" s="93"/>
      <c r="L30" s="93"/>
      <c r="M30" s="93"/>
      <c r="N30" s="93"/>
      <c r="O30" s="94"/>
      <c r="P30" s="96"/>
      <c r="Q30" s="93"/>
      <c r="R30" s="93"/>
      <c r="S30" s="93"/>
      <c r="T30" s="93"/>
      <c r="U30" s="94"/>
      <c r="V30" s="96"/>
      <c r="W30" s="93"/>
      <c r="X30" s="93"/>
      <c r="Y30" s="93"/>
      <c r="Z30" s="93"/>
      <c r="AA30" s="94"/>
      <c r="AB30" s="96"/>
      <c r="AC30" s="93"/>
      <c r="AD30" s="93"/>
      <c r="AE30" s="93"/>
      <c r="AF30" s="93"/>
      <c r="AG30" s="94"/>
      <c r="AH30" s="96"/>
      <c r="AI30" s="93"/>
      <c r="AJ30" s="93"/>
      <c r="AK30" s="93"/>
      <c r="AL30" s="93"/>
      <c r="AM30" s="94"/>
      <c r="AN30" s="93"/>
      <c r="AO30" s="93"/>
      <c r="AP30" s="93"/>
      <c r="AQ30" s="93"/>
      <c r="AR30" s="93"/>
      <c r="AS30" s="97"/>
      <c r="AT30" s="89"/>
      <c r="AU30" s="89"/>
      <c r="AV30" s="89"/>
      <c r="AW30" s="89"/>
      <c r="AX30" s="89"/>
      <c r="AY30" s="89"/>
      <c r="AZ30" s="89"/>
      <c r="BA30" s="89"/>
      <c r="BB30" s="89"/>
    </row>
    <row r="31" spans="1:54" ht="10" customHeight="1" x14ac:dyDescent="0.2">
      <c r="A31" s="90">
        <v>0.70833333333333304</v>
      </c>
      <c r="B31" s="91"/>
      <c r="C31" s="78"/>
      <c r="D31" s="95"/>
      <c r="E31" s="87"/>
      <c r="F31" s="87"/>
      <c r="G31" s="87"/>
      <c r="H31" s="87"/>
      <c r="I31" s="88"/>
      <c r="J31" s="87"/>
      <c r="K31" s="87"/>
      <c r="L31" s="87"/>
      <c r="M31" s="87"/>
      <c r="N31" s="87"/>
      <c r="O31" s="88"/>
      <c r="P31" s="86"/>
      <c r="Q31" s="87"/>
      <c r="R31" s="87"/>
      <c r="S31" s="87"/>
      <c r="T31" s="87"/>
      <c r="U31" s="88"/>
      <c r="V31" s="86"/>
      <c r="W31" s="87"/>
      <c r="X31" s="87"/>
      <c r="Y31" s="87"/>
      <c r="Z31" s="87"/>
      <c r="AA31" s="88"/>
      <c r="AB31" s="86"/>
      <c r="AC31" s="87"/>
      <c r="AD31" s="87"/>
      <c r="AE31" s="87"/>
      <c r="AF31" s="87"/>
      <c r="AG31" s="88"/>
      <c r="AH31" s="86"/>
      <c r="AI31" s="87"/>
      <c r="AJ31" s="87"/>
      <c r="AK31" s="87"/>
      <c r="AL31" s="87"/>
      <c r="AM31" s="88"/>
      <c r="AN31" s="87"/>
      <c r="AO31" s="87"/>
      <c r="AP31" s="87"/>
      <c r="AQ31" s="87"/>
      <c r="AR31" s="87"/>
      <c r="AS31" s="98"/>
      <c r="AT31" s="89"/>
      <c r="AU31" s="89"/>
      <c r="AV31" s="89"/>
      <c r="AW31" s="89"/>
      <c r="AX31" s="89"/>
      <c r="AY31" s="89"/>
      <c r="AZ31" s="89"/>
      <c r="BA31" s="89"/>
      <c r="BB31" s="89"/>
    </row>
    <row r="32" spans="1:54" ht="10" customHeight="1" x14ac:dyDescent="0.2">
      <c r="A32" s="91"/>
      <c r="B32" s="91"/>
      <c r="C32" s="78"/>
      <c r="D32" s="92"/>
      <c r="E32" s="93"/>
      <c r="F32" s="93"/>
      <c r="G32" s="93"/>
      <c r="H32" s="93"/>
      <c r="I32" s="94"/>
      <c r="J32" s="93"/>
      <c r="K32" s="93"/>
      <c r="L32" s="93"/>
      <c r="M32" s="93"/>
      <c r="N32" s="93"/>
      <c r="O32" s="94"/>
      <c r="P32" s="96"/>
      <c r="Q32" s="93"/>
      <c r="R32" s="93"/>
      <c r="S32" s="93"/>
      <c r="T32" s="93"/>
      <c r="U32" s="94"/>
      <c r="V32" s="96"/>
      <c r="W32" s="93"/>
      <c r="X32" s="93"/>
      <c r="Y32" s="93"/>
      <c r="Z32" s="93"/>
      <c r="AA32" s="94"/>
      <c r="AB32" s="96"/>
      <c r="AC32" s="93"/>
      <c r="AD32" s="93"/>
      <c r="AE32" s="93"/>
      <c r="AF32" s="93"/>
      <c r="AG32" s="94"/>
      <c r="AH32" s="96"/>
      <c r="AI32" s="93"/>
      <c r="AJ32" s="93"/>
      <c r="AK32" s="93"/>
      <c r="AL32" s="93"/>
      <c r="AM32" s="94"/>
      <c r="AN32" s="93"/>
      <c r="AO32" s="93"/>
      <c r="AP32" s="93"/>
      <c r="AQ32" s="93"/>
      <c r="AR32" s="93"/>
      <c r="AS32" s="97"/>
      <c r="AT32" s="89"/>
      <c r="AU32" s="89"/>
      <c r="AV32" s="89"/>
      <c r="AW32" s="89"/>
      <c r="AX32" s="89"/>
      <c r="AY32" s="89"/>
      <c r="AZ32" s="89"/>
      <c r="BA32" s="89"/>
      <c r="BB32" s="89"/>
    </row>
    <row r="33" spans="1:54" ht="10" customHeight="1" x14ac:dyDescent="0.2">
      <c r="A33" s="90">
        <v>0.75</v>
      </c>
      <c r="B33" s="91"/>
      <c r="C33" s="78"/>
      <c r="D33" s="95"/>
      <c r="E33" s="87"/>
      <c r="F33" s="87"/>
      <c r="G33" s="87"/>
      <c r="H33" s="87"/>
      <c r="I33" s="88"/>
      <c r="J33" s="87"/>
      <c r="K33" s="87"/>
      <c r="L33" s="87"/>
      <c r="M33" s="87"/>
      <c r="N33" s="87"/>
      <c r="O33" s="88"/>
      <c r="P33" s="86"/>
      <c r="Q33" s="87"/>
      <c r="R33" s="87"/>
      <c r="S33" s="87"/>
      <c r="T33" s="87"/>
      <c r="U33" s="88"/>
      <c r="V33" s="86"/>
      <c r="W33" s="87"/>
      <c r="X33" s="87"/>
      <c r="Y33" s="87"/>
      <c r="Z33" s="87"/>
      <c r="AA33" s="88"/>
      <c r="AB33" s="86"/>
      <c r="AC33" s="87"/>
      <c r="AD33" s="87"/>
      <c r="AE33" s="87"/>
      <c r="AF33" s="87"/>
      <c r="AG33" s="88"/>
      <c r="AH33" s="86"/>
      <c r="AI33" s="87"/>
      <c r="AJ33" s="87"/>
      <c r="AK33" s="87"/>
      <c r="AL33" s="87"/>
      <c r="AM33" s="88"/>
      <c r="AN33" s="87"/>
      <c r="AO33" s="87"/>
      <c r="AP33" s="87"/>
      <c r="AQ33" s="87"/>
      <c r="AR33" s="87"/>
      <c r="AS33" s="98"/>
      <c r="AT33" s="89"/>
      <c r="AU33" s="89"/>
      <c r="AV33" s="89"/>
      <c r="AW33" s="89"/>
      <c r="AX33" s="89"/>
      <c r="AY33" s="89"/>
      <c r="AZ33" s="89"/>
      <c r="BA33" s="89"/>
      <c r="BB33" s="89"/>
    </row>
    <row r="34" spans="1:54" ht="10" customHeight="1" x14ac:dyDescent="0.2">
      <c r="A34" s="91"/>
      <c r="B34" s="91"/>
      <c r="C34" s="78"/>
      <c r="D34" s="92"/>
      <c r="E34" s="93"/>
      <c r="F34" s="93"/>
      <c r="G34" s="93"/>
      <c r="H34" s="93"/>
      <c r="I34" s="94"/>
      <c r="J34" s="93"/>
      <c r="K34" s="93"/>
      <c r="L34" s="93"/>
      <c r="M34" s="93"/>
      <c r="N34" s="93"/>
      <c r="O34" s="94"/>
      <c r="P34" s="96"/>
      <c r="Q34" s="93"/>
      <c r="R34" s="93"/>
      <c r="S34" s="93"/>
      <c r="T34" s="93"/>
      <c r="U34" s="94"/>
      <c r="V34" s="96"/>
      <c r="W34" s="93"/>
      <c r="X34" s="93"/>
      <c r="Y34" s="93"/>
      <c r="Z34" s="93"/>
      <c r="AA34" s="94"/>
      <c r="AB34" s="96"/>
      <c r="AC34" s="93"/>
      <c r="AD34" s="93"/>
      <c r="AE34" s="93"/>
      <c r="AF34" s="93"/>
      <c r="AG34" s="94"/>
      <c r="AH34" s="96"/>
      <c r="AI34" s="93"/>
      <c r="AJ34" s="93"/>
      <c r="AK34" s="93"/>
      <c r="AL34" s="93"/>
      <c r="AM34" s="94"/>
      <c r="AN34" s="93"/>
      <c r="AO34" s="93"/>
      <c r="AP34" s="93"/>
      <c r="AQ34" s="93"/>
      <c r="AR34" s="93"/>
      <c r="AS34" s="97"/>
      <c r="AT34" s="89"/>
      <c r="AU34" s="89"/>
      <c r="AV34" s="89"/>
      <c r="AW34" s="89"/>
      <c r="AX34" s="89"/>
      <c r="AY34" s="89"/>
      <c r="AZ34" s="89"/>
      <c r="BA34" s="89"/>
      <c r="BB34" s="89"/>
    </row>
    <row r="35" spans="1:54" ht="10" customHeight="1" x14ac:dyDescent="0.2">
      <c r="A35" s="90">
        <v>0.79166666666666696</v>
      </c>
      <c r="B35" s="91"/>
      <c r="C35" s="78"/>
      <c r="D35" s="95"/>
      <c r="E35" s="87"/>
      <c r="F35" s="87"/>
      <c r="G35" s="87"/>
      <c r="H35" s="87"/>
      <c r="I35" s="88"/>
      <c r="J35" s="87"/>
      <c r="K35" s="87"/>
      <c r="L35" s="87"/>
      <c r="M35" s="87"/>
      <c r="N35" s="87"/>
      <c r="O35" s="88"/>
      <c r="P35" s="86"/>
      <c r="Q35" s="87"/>
      <c r="R35" s="87"/>
      <c r="S35" s="87"/>
      <c r="T35" s="87"/>
      <c r="U35" s="88"/>
      <c r="V35" s="86"/>
      <c r="W35" s="87"/>
      <c r="X35" s="87"/>
      <c r="Y35" s="87"/>
      <c r="Z35" s="87"/>
      <c r="AA35" s="88"/>
      <c r="AB35" s="86"/>
      <c r="AC35" s="87"/>
      <c r="AD35" s="87"/>
      <c r="AE35" s="87"/>
      <c r="AF35" s="87"/>
      <c r="AG35" s="88"/>
      <c r="AH35" s="86"/>
      <c r="AI35" s="87"/>
      <c r="AJ35" s="87"/>
      <c r="AK35" s="87"/>
      <c r="AL35" s="87"/>
      <c r="AM35" s="88"/>
      <c r="AN35" s="87"/>
      <c r="AO35" s="87"/>
      <c r="AP35" s="87"/>
      <c r="AQ35" s="87"/>
      <c r="AR35" s="87"/>
      <c r="AS35" s="98"/>
      <c r="AT35" s="89"/>
      <c r="AU35" s="89"/>
      <c r="AV35" s="89"/>
      <c r="AW35" s="89"/>
      <c r="AX35" s="89"/>
      <c r="AY35" s="89"/>
      <c r="AZ35" s="89"/>
      <c r="BA35" s="89"/>
      <c r="BB35" s="89"/>
    </row>
    <row r="36" spans="1:54" ht="10" customHeight="1" x14ac:dyDescent="0.2">
      <c r="A36" s="91"/>
      <c r="B36" s="91"/>
      <c r="C36" s="78"/>
      <c r="D36" s="92"/>
      <c r="E36" s="93"/>
      <c r="F36" s="93"/>
      <c r="G36" s="93"/>
      <c r="H36" s="93"/>
      <c r="I36" s="94"/>
      <c r="J36" s="93"/>
      <c r="K36" s="93"/>
      <c r="L36" s="93"/>
      <c r="M36" s="93"/>
      <c r="N36" s="93"/>
      <c r="O36" s="94"/>
      <c r="P36" s="96"/>
      <c r="Q36" s="93"/>
      <c r="R36" s="93"/>
      <c r="S36" s="93"/>
      <c r="T36" s="93"/>
      <c r="U36" s="94"/>
      <c r="V36" s="96"/>
      <c r="W36" s="93"/>
      <c r="X36" s="93"/>
      <c r="Y36" s="93"/>
      <c r="Z36" s="93"/>
      <c r="AA36" s="94"/>
      <c r="AB36" s="96"/>
      <c r="AC36" s="93"/>
      <c r="AD36" s="93"/>
      <c r="AE36" s="93"/>
      <c r="AF36" s="93"/>
      <c r="AG36" s="94"/>
      <c r="AH36" s="96"/>
      <c r="AI36" s="93"/>
      <c r="AJ36" s="93"/>
      <c r="AK36" s="93"/>
      <c r="AL36" s="93"/>
      <c r="AM36" s="94"/>
      <c r="AN36" s="93"/>
      <c r="AO36" s="93"/>
      <c r="AP36" s="93"/>
      <c r="AQ36" s="93"/>
      <c r="AR36" s="93"/>
      <c r="AS36" s="97"/>
      <c r="AT36" s="89"/>
      <c r="AU36" s="89"/>
      <c r="AV36" s="89"/>
      <c r="AW36" s="89"/>
      <c r="AX36" s="89"/>
      <c r="AY36" s="89"/>
      <c r="AZ36" s="89"/>
      <c r="BA36" s="89"/>
      <c r="BB36" s="89"/>
    </row>
    <row r="37" spans="1:54" ht="10" customHeight="1" x14ac:dyDescent="0.2">
      <c r="A37" s="90">
        <v>0.83333333333333304</v>
      </c>
      <c r="B37" s="91"/>
      <c r="C37" s="78"/>
      <c r="D37" s="95"/>
      <c r="E37" s="87"/>
      <c r="F37" s="87"/>
      <c r="G37" s="87"/>
      <c r="H37" s="87"/>
      <c r="I37" s="88"/>
      <c r="J37" s="87"/>
      <c r="K37" s="87"/>
      <c r="L37" s="87"/>
      <c r="M37" s="87"/>
      <c r="N37" s="87"/>
      <c r="O37" s="88"/>
      <c r="P37" s="86"/>
      <c r="Q37" s="87"/>
      <c r="R37" s="87"/>
      <c r="S37" s="87"/>
      <c r="T37" s="87"/>
      <c r="U37" s="88"/>
      <c r="V37" s="86"/>
      <c r="W37" s="87"/>
      <c r="X37" s="87"/>
      <c r="Y37" s="87"/>
      <c r="Z37" s="87"/>
      <c r="AA37" s="88"/>
      <c r="AB37" s="86"/>
      <c r="AC37" s="87"/>
      <c r="AD37" s="87"/>
      <c r="AE37" s="87"/>
      <c r="AF37" s="87"/>
      <c r="AG37" s="88"/>
      <c r="AH37" s="86"/>
      <c r="AI37" s="87"/>
      <c r="AJ37" s="87"/>
      <c r="AK37" s="87"/>
      <c r="AL37" s="87"/>
      <c r="AM37" s="88"/>
      <c r="AN37" s="87"/>
      <c r="AO37" s="87"/>
      <c r="AP37" s="87"/>
      <c r="AQ37" s="87"/>
      <c r="AR37" s="87"/>
      <c r="AS37" s="98"/>
      <c r="AT37" s="89"/>
      <c r="AU37" s="89"/>
      <c r="AV37" s="89"/>
      <c r="AW37" s="89"/>
      <c r="AX37" s="89"/>
      <c r="AY37" s="89"/>
      <c r="AZ37" s="89"/>
      <c r="BA37" s="89"/>
      <c r="BB37" s="89"/>
    </row>
    <row r="38" spans="1:54" ht="10" customHeight="1" x14ac:dyDescent="0.2">
      <c r="A38" s="91"/>
      <c r="B38" s="91"/>
      <c r="C38" s="78"/>
      <c r="D38" s="92"/>
      <c r="E38" s="93"/>
      <c r="F38" s="93"/>
      <c r="G38" s="93"/>
      <c r="H38" s="93"/>
      <c r="I38" s="94"/>
      <c r="J38" s="93"/>
      <c r="K38" s="93"/>
      <c r="L38" s="93"/>
      <c r="M38" s="93"/>
      <c r="N38" s="93"/>
      <c r="O38" s="94"/>
      <c r="P38" s="96"/>
      <c r="Q38" s="93"/>
      <c r="R38" s="93"/>
      <c r="S38" s="93"/>
      <c r="T38" s="93"/>
      <c r="U38" s="94"/>
      <c r="V38" s="96"/>
      <c r="W38" s="93"/>
      <c r="X38" s="93"/>
      <c r="Y38" s="93"/>
      <c r="Z38" s="93"/>
      <c r="AA38" s="94"/>
      <c r="AB38" s="96"/>
      <c r="AC38" s="93"/>
      <c r="AD38" s="93"/>
      <c r="AE38" s="93"/>
      <c r="AF38" s="93"/>
      <c r="AG38" s="94"/>
      <c r="AH38" s="96"/>
      <c r="AI38" s="93"/>
      <c r="AJ38" s="93"/>
      <c r="AK38" s="93"/>
      <c r="AL38" s="93"/>
      <c r="AM38" s="94"/>
      <c r="AN38" s="93"/>
      <c r="AO38" s="93"/>
      <c r="AP38" s="93"/>
      <c r="AQ38" s="93"/>
      <c r="AR38" s="93"/>
      <c r="AS38" s="97"/>
      <c r="AT38" s="89"/>
      <c r="AU38" s="89"/>
      <c r="AV38" s="89"/>
      <c r="AW38" s="89"/>
      <c r="AX38" s="89"/>
      <c r="AY38" s="89"/>
      <c r="AZ38" s="89"/>
      <c r="BA38" s="89"/>
      <c r="BB38" s="89"/>
    </row>
    <row r="39" spans="1:54" ht="10" customHeight="1" x14ac:dyDescent="0.2">
      <c r="A39" s="90">
        <v>0.875</v>
      </c>
      <c r="B39" s="91"/>
      <c r="C39" s="78"/>
      <c r="D39" s="95"/>
      <c r="E39" s="87"/>
      <c r="F39" s="87"/>
      <c r="G39" s="87"/>
      <c r="H39" s="87"/>
      <c r="I39" s="88"/>
      <c r="J39" s="87"/>
      <c r="K39" s="87"/>
      <c r="L39" s="87"/>
      <c r="M39" s="87"/>
      <c r="N39" s="87"/>
      <c r="O39" s="88"/>
      <c r="P39" s="86"/>
      <c r="Q39" s="87"/>
      <c r="R39" s="87"/>
      <c r="S39" s="87"/>
      <c r="T39" s="87"/>
      <c r="U39" s="88"/>
      <c r="V39" s="86"/>
      <c r="W39" s="87"/>
      <c r="X39" s="87"/>
      <c r="Y39" s="87"/>
      <c r="Z39" s="87"/>
      <c r="AA39" s="88"/>
      <c r="AB39" s="86"/>
      <c r="AC39" s="87"/>
      <c r="AD39" s="87"/>
      <c r="AE39" s="87"/>
      <c r="AF39" s="87"/>
      <c r="AG39" s="88"/>
      <c r="AH39" s="86"/>
      <c r="AI39" s="87"/>
      <c r="AJ39" s="87"/>
      <c r="AK39" s="87"/>
      <c r="AL39" s="87"/>
      <c r="AM39" s="88"/>
      <c r="AN39" s="87"/>
      <c r="AO39" s="87"/>
      <c r="AP39" s="87"/>
      <c r="AQ39" s="87"/>
      <c r="AR39" s="87"/>
      <c r="AS39" s="98"/>
      <c r="AT39" s="89"/>
      <c r="AU39" s="89"/>
      <c r="AV39" s="89"/>
      <c r="AW39" s="89"/>
      <c r="AX39" s="89"/>
      <c r="AY39" s="89"/>
      <c r="AZ39" s="89"/>
      <c r="BA39" s="89"/>
      <c r="BB39" s="89"/>
    </row>
    <row r="40" spans="1:54" ht="10" customHeight="1" x14ac:dyDescent="0.2">
      <c r="A40" s="91"/>
      <c r="B40" s="91"/>
      <c r="C40" s="78"/>
      <c r="D40" s="92"/>
      <c r="E40" s="93"/>
      <c r="F40" s="93"/>
      <c r="G40" s="93"/>
      <c r="H40" s="93"/>
      <c r="I40" s="94"/>
      <c r="J40" s="93"/>
      <c r="K40" s="93"/>
      <c r="L40" s="93"/>
      <c r="M40" s="93"/>
      <c r="N40" s="93"/>
      <c r="O40" s="94"/>
      <c r="P40" s="96"/>
      <c r="Q40" s="93"/>
      <c r="R40" s="93"/>
      <c r="S40" s="93"/>
      <c r="T40" s="93"/>
      <c r="U40" s="94"/>
      <c r="V40" s="96"/>
      <c r="W40" s="93"/>
      <c r="X40" s="93"/>
      <c r="Y40" s="93"/>
      <c r="Z40" s="93"/>
      <c r="AA40" s="94"/>
      <c r="AB40" s="96"/>
      <c r="AC40" s="93"/>
      <c r="AD40" s="93"/>
      <c r="AE40" s="93"/>
      <c r="AF40" s="93"/>
      <c r="AG40" s="94"/>
      <c r="AH40" s="96"/>
      <c r="AI40" s="93"/>
      <c r="AJ40" s="93"/>
      <c r="AK40" s="93"/>
      <c r="AL40" s="93"/>
      <c r="AM40" s="94"/>
      <c r="AN40" s="93"/>
      <c r="AO40" s="93"/>
      <c r="AP40" s="93"/>
      <c r="AQ40" s="93"/>
      <c r="AR40" s="93"/>
      <c r="AS40" s="97"/>
      <c r="AT40" s="89"/>
      <c r="AU40" s="89"/>
      <c r="AV40" s="89"/>
      <c r="AW40" s="89"/>
      <c r="AX40" s="89"/>
      <c r="AY40" s="89"/>
      <c r="AZ40" s="89"/>
      <c r="BA40" s="89"/>
      <c r="BB40" s="89"/>
    </row>
    <row r="41" spans="1:54" ht="10" customHeight="1" x14ac:dyDescent="0.2">
      <c r="A41" s="90">
        <v>0.91666666666666696</v>
      </c>
      <c r="B41" s="91"/>
      <c r="C41" s="78"/>
      <c r="D41" s="95"/>
      <c r="E41" s="87"/>
      <c r="F41" s="87"/>
      <c r="G41" s="87"/>
      <c r="H41" s="87"/>
      <c r="I41" s="88"/>
      <c r="J41" s="87"/>
      <c r="K41" s="87"/>
      <c r="L41" s="87"/>
      <c r="M41" s="87"/>
      <c r="N41" s="87"/>
      <c r="O41" s="88"/>
      <c r="P41" s="86"/>
      <c r="Q41" s="87"/>
      <c r="R41" s="87"/>
      <c r="S41" s="87"/>
      <c r="T41" s="87"/>
      <c r="U41" s="88"/>
      <c r="V41" s="86"/>
      <c r="W41" s="87"/>
      <c r="X41" s="87"/>
      <c r="Y41" s="87"/>
      <c r="Z41" s="87"/>
      <c r="AA41" s="88"/>
      <c r="AB41" s="86"/>
      <c r="AC41" s="87"/>
      <c r="AD41" s="87"/>
      <c r="AE41" s="87"/>
      <c r="AF41" s="87"/>
      <c r="AG41" s="88"/>
      <c r="AH41" s="86"/>
      <c r="AI41" s="87"/>
      <c r="AJ41" s="87"/>
      <c r="AK41" s="87"/>
      <c r="AL41" s="87"/>
      <c r="AM41" s="88"/>
      <c r="AN41" s="87"/>
      <c r="AO41" s="87"/>
      <c r="AP41" s="87"/>
      <c r="AQ41" s="87"/>
      <c r="AR41" s="87"/>
      <c r="AS41" s="98"/>
      <c r="AT41" s="89"/>
      <c r="AU41" s="89"/>
      <c r="AV41" s="89"/>
      <c r="AW41" s="89"/>
      <c r="AX41" s="89"/>
      <c r="AY41" s="89"/>
      <c r="AZ41" s="89"/>
      <c r="BA41" s="89"/>
      <c r="BB41" s="89"/>
    </row>
    <row r="42" spans="1:54" ht="10" customHeight="1" x14ac:dyDescent="0.2">
      <c r="A42" s="91"/>
      <c r="B42" s="91"/>
      <c r="C42" s="78"/>
      <c r="D42" s="92"/>
      <c r="E42" s="93"/>
      <c r="F42" s="93"/>
      <c r="G42" s="93"/>
      <c r="H42" s="93"/>
      <c r="I42" s="94"/>
      <c r="J42" s="93"/>
      <c r="K42" s="93"/>
      <c r="L42" s="93"/>
      <c r="M42" s="93"/>
      <c r="N42" s="93"/>
      <c r="O42" s="94"/>
      <c r="P42" s="96"/>
      <c r="Q42" s="93"/>
      <c r="R42" s="93"/>
      <c r="S42" s="93"/>
      <c r="T42" s="93"/>
      <c r="U42" s="94"/>
      <c r="V42" s="96"/>
      <c r="W42" s="93"/>
      <c r="X42" s="93"/>
      <c r="Y42" s="93"/>
      <c r="Z42" s="93"/>
      <c r="AA42" s="94"/>
      <c r="AB42" s="96"/>
      <c r="AC42" s="93"/>
      <c r="AD42" s="93"/>
      <c r="AE42" s="93"/>
      <c r="AF42" s="93"/>
      <c r="AG42" s="94"/>
      <c r="AH42" s="96"/>
      <c r="AI42" s="93"/>
      <c r="AJ42" s="93"/>
      <c r="AK42" s="93"/>
      <c r="AL42" s="93"/>
      <c r="AM42" s="94"/>
      <c r="AN42" s="93"/>
      <c r="AO42" s="93"/>
      <c r="AP42" s="93"/>
      <c r="AQ42" s="93"/>
      <c r="AR42" s="93"/>
      <c r="AS42" s="97"/>
      <c r="AT42" s="89"/>
      <c r="AU42" s="89"/>
      <c r="AV42" s="89"/>
      <c r="AW42" s="89"/>
      <c r="AX42" s="89"/>
      <c r="AY42" s="89"/>
      <c r="AZ42" s="89"/>
      <c r="BA42" s="89"/>
      <c r="BB42" s="89"/>
    </row>
    <row r="43" spans="1:54" ht="10" customHeight="1" x14ac:dyDescent="0.2">
      <c r="A43" s="90">
        <v>0.95833333333333304</v>
      </c>
      <c r="B43" s="91"/>
      <c r="C43" s="78"/>
      <c r="D43" s="95"/>
      <c r="E43" s="87"/>
      <c r="F43" s="87"/>
      <c r="G43" s="87"/>
      <c r="H43" s="87"/>
      <c r="I43" s="88"/>
      <c r="J43" s="87"/>
      <c r="K43" s="87"/>
      <c r="L43" s="87"/>
      <c r="M43" s="87"/>
      <c r="N43" s="87"/>
      <c r="O43" s="88"/>
      <c r="P43" s="86"/>
      <c r="Q43" s="87"/>
      <c r="R43" s="87"/>
      <c r="S43" s="87"/>
      <c r="T43" s="87"/>
      <c r="U43" s="88"/>
      <c r="V43" s="86"/>
      <c r="W43" s="87"/>
      <c r="X43" s="87"/>
      <c r="Y43" s="87"/>
      <c r="Z43" s="87"/>
      <c r="AA43" s="88"/>
      <c r="AB43" s="86"/>
      <c r="AC43" s="87"/>
      <c r="AD43" s="87"/>
      <c r="AE43" s="87"/>
      <c r="AF43" s="87"/>
      <c r="AG43" s="88"/>
      <c r="AH43" s="86"/>
      <c r="AI43" s="87"/>
      <c r="AJ43" s="87"/>
      <c r="AK43" s="87"/>
      <c r="AL43" s="87"/>
      <c r="AM43" s="88"/>
      <c r="AN43" s="87"/>
      <c r="AO43" s="87"/>
      <c r="AP43" s="87"/>
      <c r="AQ43" s="87"/>
      <c r="AR43" s="87"/>
      <c r="AS43" s="98"/>
      <c r="AT43" s="89"/>
      <c r="AU43" s="89"/>
      <c r="AV43" s="89"/>
      <c r="AW43" s="89"/>
      <c r="AX43" s="89"/>
      <c r="AY43" s="89"/>
      <c r="AZ43" s="89"/>
      <c r="BA43" s="89"/>
      <c r="BB43" s="89"/>
    </row>
    <row r="44" spans="1:54" ht="10" customHeight="1" x14ac:dyDescent="0.2">
      <c r="A44" s="91"/>
      <c r="B44" s="91"/>
      <c r="C44" s="78"/>
      <c r="D44" s="92"/>
      <c r="E44" s="93"/>
      <c r="F44" s="93"/>
      <c r="G44" s="93"/>
      <c r="H44" s="93"/>
      <c r="I44" s="94"/>
      <c r="J44" s="93"/>
      <c r="K44" s="93"/>
      <c r="L44" s="93"/>
      <c r="M44" s="93"/>
      <c r="N44" s="93"/>
      <c r="O44" s="94"/>
      <c r="P44" s="96"/>
      <c r="Q44" s="93"/>
      <c r="R44" s="93"/>
      <c r="S44" s="93"/>
      <c r="T44" s="93"/>
      <c r="U44" s="94"/>
      <c r="V44" s="96"/>
      <c r="W44" s="93"/>
      <c r="X44" s="93"/>
      <c r="Y44" s="93"/>
      <c r="Z44" s="93"/>
      <c r="AA44" s="94"/>
      <c r="AB44" s="96"/>
      <c r="AC44" s="93"/>
      <c r="AD44" s="93"/>
      <c r="AE44" s="93"/>
      <c r="AF44" s="93"/>
      <c r="AG44" s="94"/>
      <c r="AH44" s="96"/>
      <c r="AI44" s="93"/>
      <c r="AJ44" s="93"/>
      <c r="AK44" s="93"/>
      <c r="AL44" s="93"/>
      <c r="AM44" s="94"/>
      <c r="AN44" s="93"/>
      <c r="AO44" s="93"/>
      <c r="AP44" s="93"/>
      <c r="AQ44" s="93"/>
      <c r="AR44" s="93"/>
      <c r="AS44" s="97"/>
      <c r="AT44" s="89"/>
      <c r="AU44" s="89"/>
      <c r="AV44" s="89"/>
      <c r="AW44" s="89"/>
      <c r="AX44" s="89"/>
      <c r="AY44" s="89"/>
      <c r="AZ44" s="89"/>
      <c r="BA44" s="89"/>
      <c r="BB44" s="89"/>
    </row>
    <row r="45" spans="1:54" ht="10" customHeight="1" x14ac:dyDescent="0.2">
      <c r="A45" s="90">
        <v>1</v>
      </c>
      <c r="B45" s="91"/>
      <c r="C45" s="78"/>
      <c r="D45" s="95"/>
      <c r="E45" s="87"/>
      <c r="F45" s="87"/>
      <c r="G45" s="87"/>
      <c r="H45" s="87"/>
      <c r="I45" s="88"/>
      <c r="J45" s="87"/>
      <c r="K45" s="87"/>
      <c r="L45" s="87"/>
      <c r="M45" s="87"/>
      <c r="N45" s="87"/>
      <c r="O45" s="88"/>
      <c r="P45" s="86"/>
      <c r="Q45" s="87"/>
      <c r="R45" s="87"/>
      <c r="S45" s="87"/>
      <c r="T45" s="87"/>
      <c r="U45" s="88"/>
      <c r="V45" s="86"/>
      <c r="W45" s="87"/>
      <c r="X45" s="87"/>
      <c r="Y45" s="87"/>
      <c r="Z45" s="87"/>
      <c r="AA45" s="88"/>
      <c r="AB45" s="86"/>
      <c r="AC45" s="87"/>
      <c r="AD45" s="87"/>
      <c r="AE45" s="87"/>
      <c r="AF45" s="87"/>
      <c r="AG45" s="88"/>
      <c r="AH45" s="86"/>
      <c r="AI45" s="87"/>
      <c r="AJ45" s="87"/>
      <c r="AK45" s="87"/>
      <c r="AL45" s="87"/>
      <c r="AM45" s="88"/>
      <c r="AN45" s="87"/>
      <c r="AO45" s="87"/>
      <c r="AP45" s="87"/>
      <c r="AQ45" s="87"/>
      <c r="AR45" s="87"/>
      <c r="AS45" s="98"/>
      <c r="AT45" s="89"/>
      <c r="AU45" s="89"/>
      <c r="AV45" s="89"/>
      <c r="AW45" s="89"/>
      <c r="AX45" s="89"/>
      <c r="AY45" s="89"/>
      <c r="AZ45" s="89"/>
      <c r="BA45" s="89"/>
      <c r="BB45" s="89"/>
    </row>
    <row r="46" spans="1:54" ht="10" customHeight="1" x14ac:dyDescent="0.2">
      <c r="A46" s="91"/>
      <c r="B46" s="91"/>
      <c r="C46" s="78"/>
      <c r="D46" s="92"/>
      <c r="E46" s="93"/>
      <c r="F46" s="93"/>
      <c r="G46" s="93"/>
      <c r="H46" s="93"/>
      <c r="I46" s="94"/>
      <c r="J46" s="93"/>
      <c r="K46" s="93"/>
      <c r="L46" s="93"/>
      <c r="M46" s="93"/>
      <c r="N46" s="93"/>
      <c r="O46" s="94"/>
      <c r="P46" s="96"/>
      <c r="Q46" s="93"/>
      <c r="R46" s="93"/>
      <c r="S46" s="93"/>
      <c r="T46" s="93"/>
      <c r="U46" s="94"/>
      <c r="V46" s="96"/>
      <c r="W46" s="93"/>
      <c r="X46" s="93"/>
      <c r="Y46" s="93"/>
      <c r="Z46" s="93"/>
      <c r="AA46" s="94"/>
      <c r="AB46" s="96"/>
      <c r="AC46" s="93"/>
      <c r="AD46" s="93"/>
      <c r="AE46" s="93"/>
      <c r="AF46" s="93"/>
      <c r="AG46" s="94"/>
      <c r="AH46" s="96"/>
      <c r="AI46" s="93"/>
      <c r="AJ46" s="93"/>
      <c r="AK46" s="93"/>
      <c r="AL46" s="93"/>
      <c r="AM46" s="94"/>
      <c r="AN46" s="93"/>
      <c r="AO46" s="93"/>
      <c r="AP46" s="93"/>
      <c r="AQ46" s="93"/>
      <c r="AR46" s="93"/>
      <c r="AS46" s="97"/>
      <c r="AT46" s="89"/>
      <c r="AU46" s="89"/>
      <c r="AV46" s="89"/>
      <c r="AW46" s="89"/>
      <c r="AX46" s="89"/>
      <c r="AY46" s="89"/>
      <c r="AZ46" s="89"/>
      <c r="BA46" s="89"/>
      <c r="BB46" s="89"/>
    </row>
    <row r="47" spans="1:54" ht="10" customHeight="1" x14ac:dyDescent="0.2">
      <c r="A47" s="90">
        <v>1.0416666666666701</v>
      </c>
      <c r="B47" s="91"/>
      <c r="C47" s="78"/>
      <c r="D47" s="95"/>
      <c r="E47" s="87"/>
      <c r="F47" s="87"/>
      <c r="G47" s="87"/>
      <c r="H47" s="87"/>
      <c r="I47" s="88"/>
      <c r="J47" s="87"/>
      <c r="K47" s="87"/>
      <c r="L47" s="87"/>
      <c r="M47" s="87"/>
      <c r="N47" s="87"/>
      <c r="O47" s="88"/>
      <c r="P47" s="86"/>
      <c r="Q47" s="87"/>
      <c r="R47" s="87"/>
      <c r="S47" s="87"/>
      <c r="T47" s="87"/>
      <c r="U47" s="88"/>
      <c r="V47" s="86"/>
      <c r="W47" s="87"/>
      <c r="X47" s="87"/>
      <c r="Y47" s="87"/>
      <c r="Z47" s="87"/>
      <c r="AA47" s="88"/>
      <c r="AB47" s="86"/>
      <c r="AC47" s="87"/>
      <c r="AD47" s="87"/>
      <c r="AE47" s="87"/>
      <c r="AF47" s="87"/>
      <c r="AG47" s="88"/>
      <c r="AH47" s="86"/>
      <c r="AI47" s="87"/>
      <c r="AJ47" s="87"/>
      <c r="AK47" s="87"/>
      <c r="AL47" s="87"/>
      <c r="AM47" s="88"/>
      <c r="AN47" s="87"/>
      <c r="AO47" s="87"/>
      <c r="AP47" s="87"/>
      <c r="AQ47" s="87"/>
      <c r="AR47" s="87"/>
      <c r="AS47" s="98"/>
      <c r="AT47" s="89"/>
      <c r="AU47" s="89"/>
      <c r="AV47" s="89"/>
      <c r="AW47" s="89"/>
      <c r="AX47" s="89"/>
      <c r="AY47" s="89"/>
      <c r="AZ47" s="89"/>
      <c r="BA47" s="89"/>
      <c r="BB47" s="89"/>
    </row>
    <row r="48" spans="1:54" ht="10" customHeight="1" x14ac:dyDescent="0.2">
      <c r="A48" s="91"/>
      <c r="B48" s="91"/>
      <c r="C48" s="78"/>
      <c r="D48" s="92"/>
      <c r="E48" s="93"/>
      <c r="F48" s="93"/>
      <c r="G48" s="93"/>
      <c r="H48" s="93"/>
      <c r="I48" s="94"/>
      <c r="J48" s="93"/>
      <c r="K48" s="93"/>
      <c r="L48" s="93"/>
      <c r="M48" s="93"/>
      <c r="N48" s="93"/>
      <c r="O48" s="94"/>
      <c r="P48" s="96"/>
      <c r="Q48" s="93"/>
      <c r="R48" s="93"/>
      <c r="S48" s="93"/>
      <c r="T48" s="93"/>
      <c r="U48" s="94"/>
      <c r="V48" s="96"/>
      <c r="W48" s="93"/>
      <c r="X48" s="93"/>
      <c r="Y48" s="93"/>
      <c r="Z48" s="93"/>
      <c r="AA48" s="94"/>
      <c r="AB48" s="96"/>
      <c r="AC48" s="93"/>
      <c r="AD48" s="93"/>
      <c r="AE48" s="93"/>
      <c r="AF48" s="93"/>
      <c r="AG48" s="94"/>
      <c r="AH48" s="96"/>
      <c r="AI48" s="93"/>
      <c r="AJ48" s="93"/>
      <c r="AK48" s="93"/>
      <c r="AL48" s="93"/>
      <c r="AM48" s="94"/>
      <c r="AN48" s="93"/>
      <c r="AO48" s="93"/>
      <c r="AP48" s="93"/>
      <c r="AQ48" s="93"/>
      <c r="AR48" s="93"/>
      <c r="AS48" s="97"/>
      <c r="AT48" s="89"/>
      <c r="AU48" s="89"/>
      <c r="AV48" s="89"/>
      <c r="AW48" s="89"/>
      <c r="AX48" s="89"/>
      <c r="AY48" s="89"/>
      <c r="AZ48" s="89"/>
      <c r="BA48" s="89"/>
      <c r="BB48" s="89"/>
    </row>
    <row r="49" spans="1:54" ht="10" customHeight="1" x14ac:dyDescent="0.2">
      <c r="A49" s="90">
        <v>1.0833333333333299</v>
      </c>
      <c r="B49" s="91"/>
      <c r="C49" s="78"/>
      <c r="D49" s="95"/>
      <c r="E49" s="87"/>
      <c r="F49" s="87"/>
      <c r="G49" s="87"/>
      <c r="H49" s="87"/>
      <c r="I49" s="88"/>
      <c r="J49" s="87"/>
      <c r="K49" s="87"/>
      <c r="L49" s="87"/>
      <c r="M49" s="87"/>
      <c r="N49" s="87"/>
      <c r="O49" s="88"/>
      <c r="P49" s="86"/>
      <c r="Q49" s="87"/>
      <c r="R49" s="87"/>
      <c r="S49" s="87"/>
      <c r="T49" s="87"/>
      <c r="U49" s="88"/>
      <c r="V49" s="86"/>
      <c r="W49" s="87"/>
      <c r="X49" s="87"/>
      <c r="Y49" s="87"/>
      <c r="Z49" s="87"/>
      <c r="AA49" s="88"/>
      <c r="AB49" s="86"/>
      <c r="AC49" s="87"/>
      <c r="AD49" s="87"/>
      <c r="AE49" s="87"/>
      <c r="AF49" s="87"/>
      <c r="AG49" s="88"/>
      <c r="AH49" s="86"/>
      <c r="AI49" s="87"/>
      <c r="AJ49" s="87"/>
      <c r="AK49" s="87"/>
      <c r="AL49" s="87"/>
      <c r="AM49" s="88"/>
      <c r="AN49" s="87"/>
      <c r="AO49" s="87"/>
      <c r="AP49" s="87"/>
      <c r="AQ49" s="87"/>
      <c r="AR49" s="87"/>
      <c r="AS49" s="98"/>
      <c r="AT49" s="89"/>
      <c r="AU49" s="89"/>
      <c r="AV49" s="89"/>
      <c r="AW49" s="89"/>
      <c r="AX49" s="89"/>
      <c r="AY49" s="89"/>
      <c r="AZ49" s="89"/>
      <c r="BA49" s="89"/>
      <c r="BB49" s="89"/>
    </row>
    <row r="50" spans="1:54" ht="10" customHeight="1" x14ac:dyDescent="0.2">
      <c r="A50" s="91"/>
      <c r="B50" s="91"/>
      <c r="C50" s="78"/>
      <c r="D50" s="92"/>
      <c r="E50" s="93"/>
      <c r="F50" s="93"/>
      <c r="G50" s="93"/>
      <c r="H50" s="93"/>
      <c r="I50" s="94"/>
      <c r="J50" s="93"/>
      <c r="K50" s="93"/>
      <c r="L50" s="93"/>
      <c r="M50" s="93"/>
      <c r="N50" s="93"/>
      <c r="O50" s="94"/>
      <c r="P50" s="96"/>
      <c r="Q50" s="93"/>
      <c r="R50" s="93"/>
      <c r="S50" s="93"/>
      <c r="T50" s="93"/>
      <c r="U50" s="94"/>
      <c r="V50" s="96"/>
      <c r="W50" s="93"/>
      <c r="X50" s="93"/>
      <c r="Y50" s="93"/>
      <c r="Z50" s="93"/>
      <c r="AA50" s="94"/>
      <c r="AB50" s="96"/>
      <c r="AC50" s="93"/>
      <c r="AD50" s="93"/>
      <c r="AE50" s="93"/>
      <c r="AF50" s="93"/>
      <c r="AG50" s="94"/>
      <c r="AH50" s="96"/>
      <c r="AI50" s="93"/>
      <c r="AJ50" s="93"/>
      <c r="AK50" s="93"/>
      <c r="AL50" s="93"/>
      <c r="AM50" s="94"/>
      <c r="AN50" s="93"/>
      <c r="AO50" s="93"/>
      <c r="AP50" s="93"/>
      <c r="AQ50" s="93"/>
      <c r="AR50" s="93"/>
      <c r="AS50" s="97"/>
      <c r="AT50" s="89"/>
      <c r="AU50" s="89"/>
      <c r="AV50" s="89"/>
      <c r="AW50" s="89"/>
      <c r="AX50" s="89"/>
      <c r="AY50" s="89"/>
      <c r="AZ50" s="89"/>
      <c r="BA50" s="89"/>
      <c r="BB50" s="89"/>
    </row>
    <row r="51" spans="1:54" ht="10" customHeight="1" x14ac:dyDescent="0.2">
      <c r="A51" s="90">
        <v>1.125</v>
      </c>
      <c r="B51" s="91"/>
      <c r="C51" s="78"/>
      <c r="D51" s="95"/>
      <c r="E51" s="87"/>
      <c r="F51" s="87"/>
      <c r="G51" s="87"/>
      <c r="H51" s="87"/>
      <c r="I51" s="88"/>
      <c r="J51" s="87"/>
      <c r="K51" s="87"/>
      <c r="L51" s="87"/>
      <c r="M51" s="87"/>
      <c r="N51" s="87"/>
      <c r="O51" s="88"/>
      <c r="P51" s="86"/>
      <c r="Q51" s="87"/>
      <c r="R51" s="87"/>
      <c r="S51" s="87"/>
      <c r="T51" s="87"/>
      <c r="U51" s="88"/>
      <c r="V51" s="86"/>
      <c r="W51" s="87"/>
      <c r="X51" s="87"/>
      <c r="Y51" s="87"/>
      <c r="Z51" s="87"/>
      <c r="AA51" s="88"/>
      <c r="AB51" s="86"/>
      <c r="AC51" s="87"/>
      <c r="AD51" s="87"/>
      <c r="AE51" s="87"/>
      <c r="AF51" s="87"/>
      <c r="AG51" s="88"/>
      <c r="AH51" s="86"/>
      <c r="AI51" s="87"/>
      <c r="AJ51" s="87"/>
      <c r="AK51" s="87"/>
      <c r="AL51" s="87"/>
      <c r="AM51" s="88"/>
      <c r="AN51" s="87"/>
      <c r="AO51" s="87"/>
      <c r="AP51" s="87"/>
      <c r="AQ51" s="87"/>
      <c r="AR51" s="87"/>
      <c r="AS51" s="98"/>
      <c r="AT51" s="89"/>
      <c r="AU51" s="89"/>
      <c r="AV51" s="89"/>
      <c r="AW51" s="89"/>
      <c r="AX51" s="89"/>
      <c r="AY51" s="89"/>
      <c r="AZ51" s="89"/>
      <c r="BA51" s="89"/>
      <c r="BB51" s="89"/>
    </row>
    <row r="52" spans="1:54" ht="10" customHeight="1" x14ac:dyDescent="0.2">
      <c r="A52" s="91"/>
      <c r="B52" s="91"/>
      <c r="C52" s="78"/>
      <c r="D52" s="92"/>
      <c r="E52" s="93"/>
      <c r="F52" s="93"/>
      <c r="G52" s="93"/>
      <c r="H52" s="93"/>
      <c r="I52" s="94"/>
      <c r="J52" s="93"/>
      <c r="K52" s="93"/>
      <c r="L52" s="93"/>
      <c r="M52" s="93"/>
      <c r="N52" s="93"/>
      <c r="O52" s="94"/>
      <c r="P52" s="96"/>
      <c r="Q52" s="93"/>
      <c r="R52" s="93"/>
      <c r="S52" s="93"/>
      <c r="T52" s="93"/>
      <c r="U52" s="94"/>
      <c r="V52" s="96"/>
      <c r="W52" s="93"/>
      <c r="X52" s="93"/>
      <c r="Y52" s="93"/>
      <c r="Z52" s="93"/>
      <c r="AA52" s="94"/>
      <c r="AB52" s="96"/>
      <c r="AC52" s="93"/>
      <c r="AD52" s="93"/>
      <c r="AE52" s="93"/>
      <c r="AF52" s="93"/>
      <c r="AG52" s="94"/>
      <c r="AH52" s="96"/>
      <c r="AI52" s="93"/>
      <c r="AJ52" s="93"/>
      <c r="AK52" s="93"/>
      <c r="AL52" s="93"/>
      <c r="AM52" s="94"/>
      <c r="AN52" s="93"/>
      <c r="AO52" s="93"/>
      <c r="AP52" s="93"/>
      <c r="AQ52" s="93"/>
      <c r="AR52" s="93"/>
      <c r="AS52" s="97"/>
      <c r="AT52" s="89"/>
      <c r="AU52" s="89"/>
      <c r="AV52" s="89"/>
      <c r="AW52" s="89"/>
      <c r="AX52" s="89"/>
      <c r="AY52" s="89"/>
      <c r="AZ52" s="89"/>
      <c r="BA52" s="89"/>
      <c r="BB52" s="89"/>
    </row>
    <row r="53" spans="1:54" ht="10" customHeight="1" x14ac:dyDescent="0.2">
      <c r="A53" s="90">
        <v>1.1666666666666701</v>
      </c>
      <c r="B53" s="91"/>
      <c r="C53" s="78"/>
      <c r="D53" s="80"/>
      <c r="E53" s="81"/>
      <c r="F53" s="81"/>
      <c r="G53" s="81"/>
      <c r="H53" s="81"/>
      <c r="I53" s="101"/>
      <c r="J53" s="81"/>
      <c r="K53" s="81"/>
      <c r="L53" s="81"/>
      <c r="M53" s="81"/>
      <c r="N53" s="81"/>
      <c r="O53" s="101"/>
      <c r="P53" s="102"/>
      <c r="Q53" s="81"/>
      <c r="R53" s="81"/>
      <c r="S53" s="81"/>
      <c r="T53" s="81"/>
      <c r="U53" s="101"/>
      <c r="V53" s="102"/>
      <c r="W53" s="81"/>
      <c r="X53" s="81"/>
      <c r="Y53" s="81"/>
      <c r="Z53" s="81"/>
      <c r="AA53" s="101"/>
      <c r="AB53" s="102"/>
      <c r="AC53" s="81"/>
      <c r="AD53" s="81"/>
      <c r="AE53" s="81"/>
      <c r="AF53" s="81"/>
      <c r="AG53" s="101"/>
      <c r="AH53" s="102"/>
      <c r="AI53" s="81"/>
      <c r="AJ53" s="81"/>
      <c r="AK53" s="81"/>
      <c r="AL53" s="81"/>
      <c r="AM53" s="101"/>
      <c r="AN53" s="81"/>
      <c r="AO53" s="81"/>
      <c r="AP53" s="81"/>
      <c r="AQ53" s="81"/>
      <c r="AR53" s="81"/>
      <c r="AS53" s="82"/>
      <c r="AT53" s="89"/>
      <c r="AU53" s="89"/>
      <c r="AV53" s="89"/>
      <c r="AW53" s="89"/>
      <c r="AX53" s="89"/>
      <c r="AY53" s="89"/>
      <c r="AZ53" s="89"/>
      <c r="BA53" s="89"/>
      <c r="BB53" s="89"/>
    </row>
    <row r="54" spans="1:54" ht="10" customHeight="1" x14ac:dyDescent="0.2">
      <c r="A54" s="91"/>
      <c r="B54" s="91"/>
      <c r="C54" s="78"/>
      <c r="D54" s="78"/>
      <c r="E54" s="78"/>
      <c r="F54" s="78"/>
      <c r="G54" s="78"/>
      <c r="H54" s="78"/>
      <c r="I54" s="78"/>
    </row>
    <row r="55" spans="1:54" ht="3" customHeight="1" x14ac:dyDescent="0.2">
      <c r="A55" s="14"/>
      <c r="B55" s="15"/>
      <c r="C55" s="16"/>
      <c r="D55" s="78"/>
      <c r="E55" s="78"/>
      <c r="F55" s="78"/>
      <c r="G55" s="78"/>
      <c r="H55" s="78"/>
      <c r="I55" s="78"/>
    </row>
    <row r="56" spans="1:54" ht="20.149999999999999" customHeight="1" x14ac:dyDescent="0.2">
      <c r="A56" s="99" t="s">
        <v>32</v>
      </c>
      <c r="B56" s="99"/>
      <c r="C56" s="99"/>
      <c r="D56" s="99"/>
      <c r="E56" s="99"/>
      <c r="F56" s="99"/>
      <c r="G56" s="99"/>
      <c r="H56" s="99"/>
      <c r="I56" s="99"/>
      <c r="J56" s="99"/>
      <c r="K56" s="99"/>
      <c r="L56" s="99"/>
      <c r="M56" s="99"/>
      <c r="N56" s="99"/>
      <c r="O56" s="99"/>
      <c r="P56" s="99"/>
      <c r="Q56" s="99"/>
      <c r="R56" s="99"/>
      <c r="S56" s="99"/>
      <c r="T56" s="99"/>
      <c r="U56" s="99"/>
      <c r="V56" s="99"/>
      <c r="W56" s="99"/>
      <c r="X56" s="99"/>
      <c r="Y56" s="99"/>
      <c r="Z56" s="99"/>
      <c r="AA56" s="99"/>
      <c r="AB56" s="99"/>
      <c r="AC56" s="99"/>
      <c r="AD56" s="99"/>
      <c r="AE56" s="99"/>
      <c r="AF56" s="99"/>
      <c r="AG56" s="99"/>
      <c r="AH56" s="99"/>
      <c r="AI56" s="99"/>
      <c r="AJ56" s="99"/>
      <c r="AK56" s="99"/>
      <c r="AL56" s="99"/>
      <c r="AM56" s="99"/>
      <c r="AN56" s="99"/>
      <c r="AO56" s="99"/>
      <c r="AP56" s="99"/>
      <c r="AQ56" s="99"/>
      <c r="AR56" s="99"/>
      <c r="AS56" s="99"/>
      <c r="AT56" s="99"/>
      <c r="AU56" s="99"/>
      <c r="AV56" s="99"/>
      <c r="AW56" s="99"/>
      <c r="AX56" s="99"/>
      <c r="AY56" s="99"/>
      <c r="AZ56" s="99"/>
      <c r="BA56" s="99"/>
      <c r="BB56" s="99"/>
    </row>
    <row r="57" spans="1:54" s="17" customFormat="1" ht="15" customHeight="1" x14ac:dyDescent="0.2">
      <c r="A57" s="99"/>
      <c r="B57" s="99"/>
      <c r="C57" s="99"/>
      <c r="D57" s="99"/>
      <c r="E57" s="99"/>
      <c r="F57" s="99"/>
      <c r="G57" s="99"/>
      <c r="H57" s="99"/>
      <c r="I57" s="99"/>
      <c r="J57" s="99"/>
      <c r="K57" s="99"/>
      <c r="L57" s="99"/>
      <c r="M57" s="99"/>
      <c r="N57" s="99"/>
      <c r="O57" s="99"/>
      <c r="P57" s="99"/>
      <c r="Q57" s="99"/>
      <c r="R57" s="99"/>
      <c r="S57" s="99"/>
      <c r="T57" s="99"/>
      <c r="U57" s="99"/>
      <c r="V57" s="99"/>
      <c r="W57" s="99"/>
      <c r="X57" s="99"/>
      <c r="Y57" s="99"/>
      <c r="Z57" s="99"/>
      <c r="AA57" s="99"/>
      <c r="AB57" s="99"/>
      <c r="AC57" s="99"/>
      <c r="AD57" s="99"/>
      <c r="AE57" s="99"/>
      <c r="AF57" s="99"/>
      <c r="AG57" s="99"/>
      <c r="AH57" s="99"/>
      <c r="AI57" s="99"/>
      <c r="AJ57" s="99"/>
      <c r="AK57" s="99"/>
      <c r="AL57" s="99"/>
      <c r="AM57" s="99"/>
      <c r="AN57" s="99"/>
      <c r="AO57" s="99"/>
      <c r="AP57" s="99"/>
      <c r="AQ57" s="99"/>
      <c r="AR57" s="99"/>
      <c r="AS57" s="99"/>
      <c r="AT57" s="99"/>
      <c r="AU57" s="99"/>
      <c r="AV57" s="99"/>
      <c r="AW57" s="99"/>
      <c r="AX57" s="99"/>
      <c r="AY57" s="99"/>
      <c r="AZ57" s="99"/>
      <c r="BA57" s="99"/>
      <c r="BB57" s="99"/>
    </row>
    <row r="58" spans="1:54" s="17" customFormat="1" ht="15" customHeight="1" x14ac:dyDescent="0.2">
      <c r="A58" s="99"/>
      <c r="B58" s="99"/>
      <c r="C58" s="99"/>
      <c r="D58" s="99"/>
      <c r="E58" s="99"/>
      <c r="F58" s="99"/>
      <c r="G58" s="99"/>
      <c r="H58" s="99"/>
      <c r="I58" s="99"/>
      <c r="J58" s="99"/>
      <c r="K58" s="99"/>
      <c r="L58" s="99"/>
      <c r="M58" s="99"/>
      <c r="N58" s="99"/>
      <c r="O58" s="99"/>
      <c r="P58" s="99"/>
      <c r="Q58" s="99"/>
      <c r="R58" s="99"/>
      <c r="S58" s="99"/>
      <c r="T58" s="99"/>
      <c r="U58" s="99"/>
      <c r="V58" s="99"/>
      <c r="W58" s="99"/>
      <c r="X58" s="99"/>
      <c r="Y58" s="99"/>
      <c r="Z58" s="99"/>
      <c r="AA58" s="99"/>
      <c r="AB58" s="99"/>
      <c r="AC58" s="99"/>
      <c r="AD58" s="99"/>
      <c r="AE58" s="99"/>
      <c r="AF58" s="99"/>
      <c r="AG58" s="99"/>
      <c r="AH58" s="99"/>
      <c r="AI58" s="99"/>
      <c r="AJ58" s="99"/>
      <c r="AK58" s="99"/>
      <c r="AL58" s="99"/>
      <c r="AM58" s="99"/>
      <c r="AN58" s="99"/>
      <c r="AO58" s="99"/>
      <c r="AP58" s="99"/>
      <c r="AQ58" s="99"/>
      <c r="AR58" s="99"/>
      <c r="AS58" s="99"/>
      <c r="AT58" s="99"/>
      <c r="AU58" s="99"/>
      <c r="AV58" s="99"/>
      <c r="AW58" s="99"/>
      <c r="AX58" s="99"/>
      <c r="AY58" s="99"/>
      <c r="AZ58" s="99"/>
      <c r="BA58" s="99"/>
      <c r="BB58" s="99"/>
    </row>
    <row r="59" spans="1:54" s="17" customFormat="1" ht="15" customHeight="1" x14ac:dyDescent="0.2"/>
    <row r="60" spans="1:54" s="17" customFormat="1" ht="15" customHeight="1" x14ac:dyDescent="0.2"/>
    <row r="61" spans="1:54" s="17" customFormat="1" ht="15" customHeight="1" x14ac:dyDescent="0.2"/>
    <row r="62" spans="1:54" s="17" customFormat="1" ht="15" customHeight="1" x14ac:dyDescent="0.2"/>
    <row r="63" spans="1:54" s="17" customFormat="1" ht="15" customHeight="1" x14ac:dyDescent="0.2"/>
    <row r="64" spans="1:54" s="17" customFormat="1" ht="15" customHeight="1" x14ac:dyDescent="0.2"/>
    <row r="65" ht="15" customHeight="1" x14ac:dyDescent="0.2"/>
    <row r="66" ht="15" customHeight="1" x14ac:dyDescent="0.2"/>
    <row r="67" ht="15" customHeight="1" x14ac:dyDescent="0.2"/>
    <row r="68" ht="15" customHeight="1" x14ac:dyDescent="0.2"/>
    <row r="69" ht="15" customHeight="1" x14ac:dyDescent="0.2"/>
    <row r="70" ht="15" customHeight="1" x14ac:dyDescent="0.2"/>
    <row r="71" ht="15" customHeight="1" x14ac:dyDescent="0.2"/>
    <row r="72" ht="15" customHeight="1" x14ac:dyDescent="0.2"/>
    <row r="89" spans="1:50" ht="19.5" x14ac:dyDescent="0.2">
      <c r="A89" s="13" ph="1"/>
      <c r="B89" s="13" ph="1"/>
      <c r="C89" s="13" ph="1"/>
      <c r="D89" s="13" ph="1"/>
      <c r="E89" s="13" ph="1"/>
      <c r="F89" s="13" ph="1"/>
      <c r="G89" s="13" ph="1"/>
      <c r="H89" s="13" ph="1"/>
      <c r="I89" s="13" ph="1"/>
      <c r="J89" s="13" ph="1"/>
      <c r="K89" s="13" ph="1"/>
      <c r="L89" s="13" ph="1"/>
      <c r="M89" s="13" ph="1"/>
      <c r="N89" s="13" ph="1"/>
      <c r="O89" s="13" ph="1"/>
      <c r="P89" s="13" ph="1"/>
      <c r="Q89" s="13" ph="1"/>
      <c r="R89" s="13" ph="1"/>
      <c r="S89" s="13" ph="1"/>
      <c r="T89" s="13" ph="1"/>
      <c r="U89" s="13" ph="1"/>
      <c r="V89" s="13" ph="1"/>
      <c r="W89" s="13" ph="1"/>
      <c r="X89" s="13" ph="1"/>
      <c r="Y89" s="13" ph="1"/>
      <c r="Z89" s="13" ph="1"/>
      <c r="AA89" s="13" ph="1"/>
      <c r="AB89" s="13" ph="1"/>
      <c r="AC89" s="13" ph="1"/>
      <c r="AD89" s="13" ph="1"/>
      <c r="AE89" s="13" ph="1"/>
      <c r="AF89" s="13" ph="1"/>
      <c r="AG89" s="13" ph="1"/>
      <c r="AH89" s="13" ph="1"/>
      <c r="AI89" s="13" ph="1"/>
      <c r="AJ89" s="13" ph="1"/>
      <c r="AK89" s="13" ph="1"/>
      <c r="AL89" s="13" ph="1"/>
      <c r="AM89" s="13" ph="1"/>
      <c r="AN89" s="13" ph="1"/>
      <c r="AO89" s="13" ph="1"/>
      <c r="AP89" s="13" ph="1"/>
      <c r="AQ89" s="13" ph="1"/>
      <c r="AR89" s="13" ph="1"/>
      <c r="AS89" s="13" ph="1"/>
      <c r="AT89" s="13" ph="1"/>
      <c r="AU89" s="13" ph="1"/>
      <c r="AV89" s="13" ph="1"/>
      <c r="AW89" s="13" ph="1"/>
      <c r="AX89" s="13" ph="1"/>
    </row>
  </sheetData>
  <mergeCells count="206">
    <mergeCell ref="A56:BB58"/>
    <mergeCell ref="AN52:AS53"/>
    <mergeCell ref="A53:C54"/>
    <mergeCell ref="D54:I55"/>
    <mergeCell ref="A2:G2"/>
    <mergeCell ref="D52:I53"/>
    <mergeCell ref="J52:O53"/>
    <mergeCell ref="P52:U53"/>
    <mergeCell ref="V52:AA53"/>
    <mergeCell ref="AB52:AG53"/>
    <mergeCell ref="AH52:AM53"/>
    <mergeCell ref="AN48:AS49"/>
    <mergeCell ref="A49:C50"/>
    <mergeCell ref="D50:I51"/>
    <mergeCell ref="J50:O51"/>
    <mergeCell ref="P50:U51"/>
    <mergeCell ref="V50:AA51"/>
    <mergeCell ref="AB50:AG51"/>
    <mergeCell ref="AH50:AM51"/>
    <mergeCell ref="AN50:AS51"/>
    <mergeCell ref="A51:C52"/>
    <mergeCell ref="D48:I49"/>
    <mergeCell ref="J48:O49"/>
    <mergeCell ref="P48:U49"/>
    <mergeCell ref="V48:AA49"/>
    <mergeCell ref="AB48:AG49"/>
    <mergeCell ref="AH48:AM49"/>
    <mergeCell ref="AN44:AS45"/>
    <mergeCell ref="A45:C46"/>
    <mergeCell ref="D46:I47"/>
    <mergeCell ref="J46:O47"/>
    <mergeCell ref="P46:U47"/>
    <mergeCell ref="V46:AA47"/>
    <mergeCell ref="AB46:AG47"/>
    <mergeCell ref="AH46:AM47"/>
    <mergeCell ref="AN46:AS47"/>
    <mergeCell ref="A47:C48"/>
    <mergeCell ref="D44:I45"/>
    <mergeCell ref="J44:O45"/>
    <mergeCell ref="P44:U45"/>
    <mergeCell ref="V44:AA45"/>
    <mergeCell ref="AB44:AG45"/>
    <mergeCell ref="AH44:AM45"/>
    <mergeCell ref="AB42:AG43"/>
    <mergeCell ref="AH42:AM43"/>
    <mergeCell ref="AN42:AS43"/>
    <mergeCell ref="A43:C44"/>
    <mergeCell ref="D40:I41"/>
    <mergeCell ref="J40:O41"/>
    <mergeCell ref="P40:U41"/>
    <mergeCell ref="V40:AA41"/>
    <mergeCell ref="AB40:AG41"/>
    <mergeCell ref="AH40:AM41"/>
    <mergeCell ref="AB32:AG33"/>
    <mergeCell ref="AH32:AM33"/>
    <mergeCell ref="AN36:AS37"/>
    <mergeCell ref="A37:C38"/>
    <mergeCell ref="D38:I39"/>
    <mergeCell ref="J38:O39"/>
    <mergeCell ref="P38:U39"/>
    <mergeCell ref="V38:AA39"/>
    <mergeCell ref="AB38:AG39"/>
    <mergeCell ref="AH38:AM39"/>
    <mergeCell ref="AN38:AS39"/>
    <mergeCell ref="A39:C40"/>
    <mergeCell ref="D36:I37"/>
    <mergeCell ref="J36:O37"/>
    <mergeCell ref="P36:U37"/>
    <mergeCell ref="V36:AA37"/>
    <mergeCell ref="AB36:AG37"/>
    <mergeCell ref="AH36:AM37"/>
    <mergeCell ref="AN40:AS41"/>
    <mergeCell ref="A41:C42"/>
    <mergeCell ref="D42:I43"/>
    <mergeCell ref="J42:O43"/>
    <mergeCell ref="P42:U43"/>
    <mergeCell ref="V42:AA43"/>
    <mergeCell ref="AB30:AG31"/>
    <mergeCell ref="AH30:AM31"/>
    <mergeCell ref="AN30:AS31"/>
    <mergeCell ref="A31:C32"/>
    <mergeCell ref="D28:I29"/>
    <mergeCell ref="J28:O29"/>
    <mergeCell ref="P28:U29"/>
    <mergeCell ref="V28:AA29"/>
    <mergeCell ref="AB28:AG29"/>
    <mergeCell ref="AH28:AM29"/>
    <mergeCell ref="AN32:AS33"/>
    <mergeCell ref="A33:C34"/>
    <mergeCell ref="D34:I35"/>
    <mergeCell ref="J34:O35"/>
    <mergeCell ref="P34:U35"/>
    <mergeCell ref="V34:AA35"/>
    <mergeCell ref="AB34:AG35"/>
    <mergeCell ref="AH34:AM35"/>
    <mergeCell ref="AN34:AS35"/>
    <mergeCell ref="A35:C36"/>
    <mergeCell ref="D32:I33"/>
    <mergeCell ref="J32:O33"/>
    <mergeCell ref="P32:U33"/>
    <mergeCell ref="V32:AA33"/>
    <mergeCell ref="AB20:AG21"/>
    <mergeCell ref="AH20:AM21"/>
    <mergeCell ref="AN24:AS25"/>
    <mergeCell ref="A25:C26"/>
    <mergeCell ref="D26:I27"/>
    <mergeCell ref="J26:O27"/>
    <mergeCell ref="P26:U27"/>
    <mergeCell ref="V26:AA27"/>
    <mergeCell ref="AB26:AG27"/>
    <mergeCell ref="AH26:AM27"/>
    <mergeCell ref="AN26:AS27"/>
    <mergeCell ref="A27:C28"/>
    <mergeCell ref="D24:I25"/>
    <mergeCell ref="J24:O25"/>
    <mergeCell ref="P24:U25"/>
    <mergeCell ref="V24:AA25"/>
    <mergeCell ref="AB24:AG25"/>
    <mergeCell ref="AH24:AM25"/>
    <mergeCell ref="AN28:AS29"/>
    <mergeCell ref="A29:C30"/>
    <mergeCell ref="D30:I31"/>
    <mergeCell ref="J30:O31"/>
    <mergeCell ref="P30:U31"/>
    <mergeCell ref="V30:AA31"/>
    <mergeCell ref="AB18:AG19"/>
    <mergeCell ref="AH18:AM19"/>
    <mergeCell ref="AN18:AS19"/>
    <mergeCell ref="A19:C20"/>
    <mergeCell ref="D16:I17"/>
    <mergeCell ref="J16:O17"/>
    <mergeCell ref="P16:U17"/>
    <mergeCell ref="V16:AA17"/>
    <mergeCell ref="AB16:AG17"/>
    <mergeCell ref="AH16:AM17"/>
    <mergeCell ref="AN20:AS21"/>
    <mergeCell ref="A21:C22"/>
    <mergeCell ref="D22:I23"/>
    <mergeCell ref="J22:O23"/>
    <mergeCell ref="P22:U23"/>
    <mergeCell ref="V22:AA23"/>
    <mergeCell ref="AB22:AG23"/>
    <mergeCell ref="AH22:AM23"/>
    <mergeCell ref="AN22:AS23"/>
    <mergeCell ref="A23:C24"/>
    <mergeCell ref="D20:I21"/>
    <mergeCell ref="J20:O21"/>
    <mergeCell ref="P20:U21"/>
    <mergeCell ref="V20:AA21"/>
    <mergeCell ref="AN10:AS11"/>
    <mergeCell ref="A11:C12"/>
    <mergeCell ref="AN12:AS13"/>
    <mergeCell ref="A13:C14"/>
    <mergeCell ref="D14:I15"/>
    <mergeCell ref="J14:O15"/>
    <mergeCell ref="P14:U15"/>
    <mergeCell ref="V14:AA15"/>
    <mergeCell ref="AB14:AG15"/>
    <mergeCell ref="AH14:AM15"/>
    <mergeCell ref="AN14:AS15"/>
    <mergeCell ref="A15:C16"/>
    <mergeCell ref="D12:I13"/>
    <mergeCell ref="J12:O13"/>
    <mergeCell ref="P12:U13"/>
    <mergeCell ref="V12:AA13"/>
    <mergeCell ref="AB12:AG13"/>
    <mergeCell ref="AH12:AM13"/>
    <mergeCell ref="AN16:AS17"/>
    <mergeCell ref="A17:C18"/>
    <mergeCell ref="D18:I19"/>
    <mergeCell ref="J18:O19"/>
    <mergeCell ref="P18:U19"/>
    <mergeCell ref="V18:AA19"/>
    <mergeCell ref="AH6:AM7"/>
    <mergeCell ref="AN6:AS7"/>
    <mergeCell ref="AT6:BB53"/>
    <mergeCell ref="A7:C8"/>
    <mergeCell ref="D8:I9"/>
    <mergeCell ref="J8:O9"/>
    <mergeCell ref="P8:U9"/>
    <mergeCell ref="V8:AA9"/>
    <mergeCell ref="AB8:AG9"/>
    <mergeCell ref="AH8:AM9"/>
    <mergeCell ref="A5:C6"/>
    <mergeCell ref="D6:I7"/>
    <mergeCell ref="J6:O7"/>
    <mergeCell ref="P6:U7"/>
    <mergeCell ref="V6:AA7"/>
    <mergeCell ref="AB6:AG7"/>
    <mergeCell ref="AN8:AS9"/>
    <mergeCell ref="A9:C10"/>
    <mergeCell ref="D10:I11"/>
    <mergeCell ref="J10:O11"/>
    <mergeCell ref="P10:U11"/>
    <mergeCell ref="V10:AA11"/>
    <mergeCell ref="AB10:AG11"/>
    <mergeCell ref="AH10:AM11"/>
    <mergeCell ref="A1:BA1"/>
    <mergeCell ref="D3:I5"/>
    <mergeCell ref="J3:O5"/>
    <mergeCell ref="P3:U5"/>
    <mergeCell ref="V3:AA5"/>
    <mergeCell ref="AB3:AG5"/>
    <mergeCell ref="AH3:AM5"/>
    <mergeCell ref="AN3:AS5"/>
    <mergeCell ref="AT3:BB5"/>
  </mergeCells>
  <phoneticPr fontId="1"/>
  <pageMargins left="0.83" right="0.70866141732283472" top="0.74803149606299213" bottom="0.74803149606299213" header="0.31496062992125984" footer="0.31496062992125984"/>
  <pageSetup paperSize="9" scale="81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表</vt:lpstr>
      <vt:lpstr>裏</vt:lpstr>
      <vt:lpstr>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s004620 岡田章</cp:lastModifiedBy>
  <cp:lastPrinted>2026-03-24T01:58:30Z</cp:lastPrinted>
  <dcterms:created xsi:type="dcterms:W3CDTF">2025-02-04T04:11:04Z</dcterms:created>
  <dcterms:modified xsi:type="dcterms:W3CDTF">2026-03-24T01:58:34Z</dcterms:modified>
</cp:coreProperties>
</file>